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105404" w14:textId="77777777" w:rsidR="00EB7427" w:rsidRPr="00581185" w:rsidRDefault="00C36F53" w:rsidP="00EB7427">
      <w:r>
        <w:rPr>
          <w:noProof/>
        </w:rPr>
        <mc:AlternateContent>
          <mc:Choice Requires="wps">
            <w:drawing>
              <wp:anchor distT="0" distB="0" distL="114300" distR="114300" simplePos="0" relativeHeight="251707392" behindDoc="0" locked="0" layoutInCell="1" allowOverlap="1" wp14:anchorId="452B383B" wp14:editId="261916B0">
                <wp:simplePos x="0" y="0"/>
                <wp:positionH relativeFrom="page">
                  <wp:posOffset>5229225</wp:posOffset>
                </wp:positionH>
                <wp:positionV relativeFrom="paragraph">
                  <wp:posOffset>299085</wp:posOffset>
                </wp:positionV>
                <wp:extent cx="2148205" cy="871870"/>
                <wp:effectExtent l="0" t="0" r="23495" b="23495"/>
                <wp:wrapNone/>
                <wp:docPr id="10" name="正方形/長方形 10"/>
                <wp:cNvGraphicFramePr/>
                <a:graphic xmlns:a="http://schemas.openxmlformats.org/drawingml/2006/main">
                  <a:graphicData uri="http://schemas.microsoft.com/office/word/2010/wordprocessingShape">
                    <wps:wsp>
                      <wps:cNvSpPr/>
                      <wps:spPr>
                        <a:xfrm>
                          <a:off x="0" y="0"/>
                          <a:ext cx="2148205" cy="871870"/>
                        </a:xfrm>
                        <a:prstGeom prst="rect">
                          <a:avLst/>
                        </a:prstGeom>
                        <a:solidFill>
                          <a:sysClr val="window" lastClr="FFFFFF"/>
                        </a:solidFill>
                        <a:ln w="12700" cap="flat" cmpd="sng" algn="ctr">
                          <a:solidFill>
                            <a:srgbClr val="70AD47"/>
                          </a:solidFill>
                          <a:prstDash val="solid"/>
                          <a:miter lim="800000"/>
                        </a:ln>
                        <a:effectLst/>
                      </wps:spPr>
                      <wps:txbx>
                        <w:txbxContent>
                          <w:p w14:paraId="650456F1" w14:textId="77777777" w:rsidR="00C36F53" w:rsidRPr="00F57A0A" w:rsidRDefault="00C36F53" w:rsidP="00C36F53">
                            <w:pPr>
                              <w:spacing w:line="220" w:lineRule="exact"/>
                              <w:jc w:val="left"/>
                              <w:rPr>
                                <w:rFonts w:ascii="ＭＳ Ｐゴシック" w:eastAsia="ＭＳ Ｐゴシック" w:hAnsi="ＭＳ Ｐゴシック"/>
                                <w:sz w:val="20"/>
                                <w:szCs w:val="20"/>
                              </w:rPr>
                            </w:pPr>
                            <w:r w:rsidRPr="00F57A0A">
                              <w:rPr>
                                <w:rFonts w:ascii="ＭＳ Ｐゴシック" w:eastAsia="ＭＳ Ｐゴシック" w:hAnsi="ＭＳ Ｐゴシック" w:hint="eastAsia"/>
                                <w:sz w:val="20"/>
                                <w:szCs w:val="20"/>
                              </w:rPr>
                              <w:t xml:space="preserve">Vol　</w:t>
                            </w:r>
                            <w:r w:rsidR="006C4A99">
                              <w:rPr>
                                <w:rFonts w:ascii="ＭＳ Ｐゴシック" w:eastAsia="ＭＳ Ｐゴシック" w:hAnsi="ＭＳ Ｐゴシック"/>
                                <w:sz w:val="20"/>
                                <w:szCs w:val="20"/>
                              </w:rPr>
                              <w:t>27</w:t>
                            </w:r>
                            <w:r w:rsidRPr="00F57A0A">
                              <w:rPr>
                                <w:rFonts w:ascii="ＭＳ Ｐゴシック" w:eastAsia="ＭＳ Ｐゴシック" w:hAnsi="ＭＳ Ｐゴシック"/>
                                <w:sz w:val="20"/>
                                <w:szCs w:val="20"/>
                              </w:rPr>
                              <w:t xml:space="preserve">　　</w:t>
                            </w:r>
                            <w:r w:rsidRPr="00F57A0A">
                              <w:rPr>
                                <w:rFonts w:ascii="ＭＳ Ｐゴシック" w:eastAsia="ＭＳ Ｐゴシック" w:hAnsi="ＭＳ Ｐゴシック" w:hint="eastAsia"/>
                                <w:sz w:val="20"/>
                                <w:szCs w:val="20"/>
                              </w:rPr>
                              <w:t xml:space="preserve">　</w:t>
                            </w:r>
                            <w:r>
                              <w:rPr>
                                <w:rFonts w:ascii="ＭＳ Ｐゴシック" w:eastAsia="ＭＳ Ｐゴシック" w:hAnsi="ＭＳ Ｐゴシック"/>
                                <w:sz w:val="20"/>
                                <w:szCs w:val="20"/>
                              </w:rPr>
                              <w:t xml:space="preserve">　　</w:t>
                            </w:r>
                            <w:r w:rsidRPr="00F57A0A">
                              <w:rPr>
                                <w:rFonts w:ascii="ＭＳ Ｐゴシック" w:eastAsia="ＭＳ Ｐゴシック" w:hAnsi="ＭＳ Ｐゴシック" w:hint="eastAsia"/>
                                <w:sz w:val="20"/>
                                <w:szCs w:val="20"/>
                              </w:rPr>
                              <w:t xml:space="preserve">　(令和</w:t>
                            </w:r>
                            <w:r w:rsidR="0088066A">
                              <w:rPr>
                                <w:rFonts w:ascii="ＭＳ Ｐゴシック" w:eastAsia="ＭＳ Ｐゴシック" w:hAnsi="ＭＳ Ｐゴシック" w:hint="eastAsia"/>
                                <w:sz w:val="20"/>
                                <w:szCs w:val="20"/>
                              </w:rPr>
                              <w:t>7</w:t>
                            </w:r>
                            <w:r w:rsidRPr="00F57A0A">
                              <w:rPr>
                                <w:rFonts w:ascii="ＭＳ Ｐゴシック" w:eastAsia="ＭＳ Ｐゴシック" w:hAnsi="ＭＳ Ｐゴシック"/>
                                <w:sz w:val="20"/>
                                <w:szCs w:val="20"/>
                              </w:rPr>
                              <w:t>年</w:t>
                            </w:r>
                            <w:r w:rsidR="006C4A99">
                              <w:rPr>
                                <w:rFonts w:ascii="ＭＳ Ｐゴシック" w:eastAsia="ＭＳ Ｐゴシック" w:hAnsi="ＭＳ Ｐゴシック" w:hint="eastAsia"/>
                                <w:sz w:val="20"/>
                                <w:szCs w:val="20"/>
                              </w:rPr>
                              <w:t>12</w:t>
                            </w:r>
                            <w:r w:rsidRPr="00F57A0A">
                              <w:rPr>
                                <w:rFonts w:ascii="ＭＳ Ｐゴシック" w:eastAsia="ＭＳ Ｐゴシック" w:hAnsi="ＭＳ Ｐゴシック" w:hint="eastAsia"/>
                                <w:sz w:val="20"/>
                                <w:szCs w:val="20"/>
                              </w:rPr>
                              <w:t>月)</w:t>
                            </w:r>
                          </w:p>
                          <w:p w14:paraId="72883982" w14:textId="77777777" w:rsidR="00C36F53" w:rsidRPr="00F57A0A" w:rsidRDefault="00C36F53" w:rsidP="00C36F53">
                            <w:pPr>
                              <w:spacing w:line="220" w:lineRule="exact"/>
                              <w:jc w:val="left"/>
                              <w:rPr>
                                <w:rFonts w:ascii="ＭＳ Ｐゴシック" w:eastAsia="ＭＳ Ｐゴシック" w:hAnsi="ＭＳ Ｐゴシック"/>
                                <w:sz w:val="20"/>
                                <w:szCs w:val="20"/>
                              </w:rPr>
                            </w:pPr>
                            <w:r w:rsidRPr="00F57A0A">
                              <w:rPr>
                                <w:rFonts w:ascii="ＭＳ Ｐゴシック" w:eastAsia="ＭＳ Ｐゴシック" w:hAnsi="ＭＳ Ｐゴシック" w:hint="eastAsia"/>
                                <w:sz w:val="20"/>
                                <w:szCs w:val="20"/>
                              </w:rPr>
                              <w:t>発行</w:t>
                            </w:r>
                            <w:r>
                              <w:rPr>
                                <w:rFonts w:ascii="ＭＳ Ｐゴシック" w:eastAsia="ＭＳ Ｐゴシック" w:hAnsi="ＭＳ Ｐゴシック" w:hint="eastAsia"/>
                                <w:sz w:val="20"/>
                                <w:szCs w:val="20"/>
                              </w:rPr>
                              <w:t>：</w:t>
                            </w:r>
                            <w:r w:rsidRPr="00F57A0A">
                              <w:rPr>
                                <w:rFonts w:ascii="ＭＳ Ｐゴシック" w:eastAsia="ＭＳ Ｐゴシック" w:hAnsi="ＭＳ Ｐゴシック" w:hint="eastAsia"/>
                                <w:sz w:val="20"/>
                                <w:szCs w:val="20"/>
                              </w:rPr>
                              <w:t>伊丹市</w:t>
                            </w:r>
                            <w:r w:rsidRPr="00F57A0A">
                              <w:rPr>
                                <w:rFonts w:ascii="ＭＳ Ｐゴシック" w:eastAsia="ＭＳ Ｐゴシック" w:hAnsi="ＭＳ Ｐゴシック"/>
                                <w:sz w:val="20"/>
                                <w:szCs w:val="20"/>
                              </w:rPr>
                              <w:t>立幼児教育センター</w:t>
                            </w:r>
                          </w:p>
                          <w:p w14:paraId="6F1327E2" w14:textId="77777777" w:rsidR="00C36F53" w:rsidRPr="00F57A0A" w:rsidRDefault="00C36F53" w:rsidP="00C36F53">
                            <w:pPr>
                              <w:spacing w:line="220" w:lineRule="exact"/>
                              <w:jc w:val="left"/>
                              <w:rPr>
                                <w:rFonts w:ascii="ＭＳ Ｐゴシック" w:eastAsia="ＭＳ Ｐゴシック" w:hAnsi="ＭＳ Ｐゴシック"/>
                                <w:sz w:val="20"/>
                                <w:szCs w:val="20"/>
                              </w:rPr>
                            </w:pPr>
                            <w:r w:rsidRPr="00F57A0A">
                              <w:rPr>
                                <w:rFonts w:ascii="ＭＳ Ｐゴシック" w:eastAsia="ＭＳ Ｐゴシック" w:hAnsi="ＭＳ Ｐゴシック" w:hint="eastAsia"/>
                                <w:sz w:val="20"/>
                                <w:szCs w:val="20"/>
                              </w:rPr>
                              <w:t>住所</w:t>
                            </w:r>
                            <w:r w:rsidRPr="00F57A0A">
                              <w:rPr>
                                <w:rFonts w:ascii="ＭＳ Ｐゴシック" w:eastAsia="ＭＳ Ｐゴシック" w:hAnsi="ＭＳ Ｐゴシック"/>
                                <w:sz w:val="20"/>
                                <w:szCs w:val="20"/>
                              </w:rPr>
                              <w:t>：</w:t>
                            </w:r>
                            <w:r w:rsidRPr="00F57A0A">
                              <w:rPr>
                                <w:rFonts w:ascii="ＭＳ Ｐゴシック" w:eastAsia="ＭＳ Ｐゴシック" w:hAnsi="ＭＳ Ｐゴシック" w:hint="eastAsia"/>
                                <w:sz w:val="20"/>
                                <w:szCs w:val="20"/>
                              </w:rPr>
                              <w:t>伊丹市千僧1－1</w:t>
                            </w:r>
                          </w:p>
                          <w:p w14:paraId="4CEE0C73" w14:textId="77777777" w:rsidR="00C36F53" w:rsidRPr="00F57A0A" w:rsidRDefault="00C36F53" w:rsidP="00C36F53">
                            <w:pPr>
                              <w:spacing w:line="220" w:lineRule="exact"/>
                              <w:jc w:val="left"/>
                              <w:rPr>
                                <w:rFonts w:ascii="ＭＳ Ｐゴシック" w:eastAsia="ＭＳ Ｐゴシック" w:hAnsi="ＭＳ Ｐゴシック"/>
                                <w:sz w:val="20"/>
                                <w:szCs w:val="20"/>
                              </w:rPr>
                            </w:pPr>
                            <w:r w:rsidRPr="00F57A0A">
                              <w:rPr>
                                <w:rFonts w:ascii="ＭＳ Ｐゴシック" w:eastAsia="ＭＳ Ｐゴシック" w:hAnsi="ＭＳ Ｐゴシック" w:hint="eastAsia"/>
                                <w:sz w:val="20"/>
                                <w:szCs w:val="20"/>
                              </w:rPr>
                              <w:t>電話</w:t>
                            </w:r>
                            <w:r w:rsidRPr="00F57A0A">
                              <w:rPr>
                                <w:rFonts w:ascii="ＭＳ Ｐゴシック" w:eastAsia="ＭＳ Ｐゴシック" w:hAnsi="ＭＳ Ｐゴシック"/>
                                <w:sz w:val="20"/>
                                <w:szCs w:val="20"/>
                              </w:rPr>
                              <w:t>：</w:t>
                            </w:r>
                            <w:r w:rsidRPr="00F57A0A">
                              <w:rPr>
                                <w:rFonts w:ascii="ＭＳ Ｐゴシック" w:eastAsia="ＭＳ Ｐゴシック" w:hAnsi="ＭＳ Ｐゴシック" w:hint="eastAsia"/>
                                <w:sz w:val="20"/>
                                <w:szCs w:val="20"/>
                              </w:rPr>
                              <w:t>072</w:t>
                            </w:r>
                            <w:r>
                              <w:rPr>
                                <w:rFonts w:ascii="ＭＳ Ｐゴシック" w:eastAsia="ＭＳ Ｐゴシック" w:hAnsi="ＭＳ Ｐゴシック" w:hint="eastAsia"/>
                                <w:sz w:val="20"/>
                                <w:szCs w:val="20"/>
                              </w:rPr>
                              <w:t>-</w:t>
                            </w:r>
                            <w:r w:rsidRPr="00F57A0A">
                              <w:rPr>
                                <w:rFonts w:ascii="ＭＳ Ｐゴシック" w:eastAsia="ＭＳ Ｐゴシック" w:hAnsi="ＭＳ Ｐゴシック" w:hint="eastAsia"/>
                                <w:sz w:val="20"/>
                                <w:szCs w:val="20"/>
                              </w:rPr>
                              <w:t>780-2488</w:t>
                            </w:r>
                          </w:p>
                          <w:p w14:paraId="636081A6" w14:textId="77777777" w:rsidR="00C36F53" w:rsidRPr="0014026D" w:rsidRDefault="00C36F53" w:rsidP="00C36F53">
                            <w:pPr>
                              <w:spacing w:line="220" w:lineRule="exact"/>
                              <w:jc w:val="left"/>
                              <w:rPr>
                                <w:rFonts w:ascii="ＭＳ Ｐゴシック" w:eastAsia="ＭＳ Ｐゴシック" w:hAnsi="ＭＳ Ｐゴシック"/>
                                <w:sz w:val="20"/>
                                <w:szCs w:val="20"/>
                              </w:rPr>
                            </w:pPr>
                            <w:r w:rsidRPr="00F57A0A">
                              <w:rPr>
                                <w:rFonts w:ascii="ＭＳ Ｐゴシック" w:eastAsia="ＭＳ Ｐゴシック" w:hAnsi="ＭＳ Ｐゴシック" w:hint="eastAsia"/>
                                <w:sz w:val="20"/>
                                <w:szCs w:val="20"/>
                              </w:rPr>
                              <w:t>アドレス</w:t>
                            </w:r>
                            <w:r w:rsidRPr="00F57A0A">
                              <w:rPr>
                                <w:rFonts w:ascii="ＭＳ Ｐゴシック" w:eastAsia="ＭＳ Ｐゴシック" w:hAnsi="ＭＳ Ｐゴシック"/>
                                <w:sz w:val="20"/>
                                <w:szCs w:val="20"/>
                              </w:rPr>
                              <w:t>：</w:t>
                            </w:r>
                            <w:r w:rsidR="006E4028" w:rsidRPr="006E4028">
                              <w:rPr>
                                <w:rFonts w:ascii="ＭＳ Ｐゴシック" w:eastAsia="ＭＳ Ｐゴシック" w:hAnsi="ＭＳ Ｐゴシック"/>
                                <w:sz w:val="20"/>
                                <w:szCs w:val="20"/>
                              </w:rPr>
                              <w:t>youkyosenta@city.itami.lg.jp</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3FD1423" id="正方形/長方形 10" o:spid="_x0000_s1026" style="position:absolute;left:0;text-align:left;margin-left:411.75pt;margin-top:23.55pt;width:169.15pt;height:68.65pt;z-index:25170739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4wvBnQIAABgFAAAOAAAAZHJzL2Uyb0RvYy54bWysVM1uEzEQviPxDpbvdDdRSsKqSRU1CkKq&#10;2kop6tnxepOV/IftZBPeAx4AzpwRBx6HSrwFn73b9IeeEHvwznjGM55vvvHJ6U5JshXO10aPae8o&#10;p0Robspar8b0/fX81YgSH5gumTRajOleeHo6efnipLGF6Ju1kaVwBEG0Lxo7pusQbJFlnq+FYv7I&#10;WKFhrIxTLEB1q6x0rEF0JbN+nr/OGuNK6wwX3mN31hrpJMWvKsHDZVV5EYgcU9wtpNWldRnXbHLC&#10;ipVjdl3z7hrsH26hWK2R9BBqxgIjG1f/FUrV3BlvqnDEjcpMVdVcpBpQTS9/Us1izaxItQAcbw8w&#10;+f8Xll9srxypS/QO8Gim0KPbb19vP//49fNL9vvT91YisAKqxvoCJxb2ynWahxjr3lVOxT8qIrsE&#10;7/4Ar9gFwrHZ7w1G/fyYEg7baNgbDVPQ7P60dT68FUaRKIypQ/sSqmx77gMywvXOJSbzRtblvJYy&#10;KXt/Jh3ZMnQaBClNQ4lkPmBzTOfpiyUgxKNjUpMGxfeHOernDBSsJAsQlQUoXq8oYXIFbvPg0l0e&#10;nfZutTxkHebT2WD4XJJ46Rnz6/Z2KUJ0Y4WqA+gvawVA8vh1p6WOVpEI3JUesW/RjlLYLXddC5am&#10;3KOHzrTk9pbPa+Q7R+1XzIHNKAwTGi6xVNKgWtNJlKyN+/jcfvQHyWClpMF0AIkPG+YEIH2nQb83&#10;vcEgjlNSBsfDPhT30LJ8aNEbdWbQlh7eAsuTGP2DvBMrZ9QNBnkas8LENEfuFvNOOQvt1OIp4GI6&#10;TW4YIcvCuV5YHoNHyCLS17sb5mzHoQD2XZi7SWLFEyq1vvGkNtNNMFWdeBYhbnEFY6KC8Uvc6Z6K&#10;ON8P9eR1/6BN/gAAAP//AwBQSwMEFAAGAAgAAAAhADLOZ9XhAAAACwEAAA8AAABkcnMvZG93bnJl&#10;di54bWxMj8FOwzAMhu9Ie4fISFwQS7uWripNp2kS2mUIMfYAWWPaQuNUTbZ1b493gpstf/r9/eVq&#10;sr044+g7RwrieQQCqXamo0bB4fP1KQfhgyaje0eo4IoeVtXsrtSFcRf6wPM+NIJDyBdaQRvCUEjp&#10;6xat9nM3IPHty41WB17HRppRXzjc9nIRRZm0uiP+0OoBNy3WP/uTVVDL5bfeJev35LEbtukhvO1c&#10;ZpR6uJ/WLyACTuEPhps+q0PFTkd3IuNFryBfJM+MKkiXMYgbEGcxlznylKcpyKqU/ztUvwAAAP//&#10;AwBQSwECLQAUAAYACAAAACEAtoM4kv4AAADhAQAAEwAAAAAAAAAAAAAAAAAAAAAAW0NvbnRlbnRf&#10;VHlwZXNdLnhtbFBLAQItABQABgAIAAAAIQA4/SH/1gAAAJQBAAALAAAAAAAAAAAAAAAAAC8BAABf&#10;cmVscy8ucmVsc1BLAQItABQABgAIAAAAIQCE4wvBnQIAABgFAAAOAAAAAAAAAAAAAAAAAC4CAABk&#10;cnMvZTJvRG9jLnhtbFBLAQItABQABgAIAAAAIQAyzmfV4QAAAAsBAAAPAAAAAAAAAAAAAAAAAPcE&#10;AABkcnMvZG93bnJldi54bWxQSwUGAAAAAAQABADzAAAABQYAAAAA&#10;" fillcolor="window" strokecolor="#70ad47" strokeweight="1pt">
                <v:textbox>
                  <w:txbxContent>
                    <w:p w:rsidR="00C36F53" w:rsidRPr="00F57A0A" w:rsidRDefault="00C36F53" w:rsidP="00C36F53">
                      <w:pPr>
                        <w:spacing w:line="220" w:lineRule="exact"/>
                        <w:jc w:val="left"/>
                        <w:rPr>
                          <w:rFonts w:ascii="ＭＳ Ｐゴシック" w:eastAsia="ＭＳ Ｐゴシック" w:hAnsi="ＭＳ Ｐゴシック"/>
                          <w:sz w:val="20"/>
                          <w:szCs w:val="20"/>
                        </w:rPr>
                      </w:pPr>
                      <w:r w:rsidRPr="00F57A0A">
                        <w:rPr>
                          <w:rFonts w:ascii="ＭＳ Ｐゴシック" w:eastAsia="ＭＳ Ｐゴシック" w:hAnsi="ＭＳ Ｐゴシック" w:hint="eastAsia"/>
                          <w:sz w:val="20"/>
                          <w:szCs w:val="20"/>
                        </w:rPr>
                        <w:t xml:space="preserve">Vol　</w:t>
                      </w:r>
                      <w:r w:rsidR="006C4A99">
                        <w:rPr>
                          <w:rFonts w:ascii="ＭＳ Ｐゴシック" w:eastAsia="ＭＳ Ｐゴシック" w:hAnsi="ＭＳ Ｐゴシック"/>
                          <w:sz w:val="20"/>
                          <w:szCs w:val="20"/>
                        </w:rPr>
                        <w:t>27</w:t>
                      </w:r>
                      <w:r w:rsidRPr="00F57A0A">
                        <w:rPr>
                          <w:rFonts w:ascii="ＭＳ Ｐゴシック" w:eastAsia="ＭＳ Ｐゴシック" w:hAnsi="ＭＳ Ｐゴシック"/>
                          <w:sz w:val="20"/>
                          <w:szCs w:val="20"/>
                        </w:rPr>
                        <w:t xml:space="preserve">　　</w:t>
                      </w:r>
                      <w:r w:rsidRPr="00F57A0A">
                        <w:rPr>
                          <w:rFonts w:ascii="ＭＳ Ｐゴシック" w:eastAsia="ＭＳ Ｐゴシック" w:hAnsi="ＭＳ Ｐゴシック" w:hint="eastAsia"/>
                          <w:sz w:val="20"/>
                          <w:szCs w:val="20"/>
                        </w:rPr>
                        <w:t xml:space="preserve">　</w:t>
                      </w:r>
                      <w:r>
                        <w:rPr>
                          <w:rFonts w:ascii="ＭＳ Ｐゴシック" w:eastAsia="ＭＳ Ｐゴシック" w:hAnsi="ＭＳ Ｐゴシック"/>
                          <w:sz w:val="20"/>
                          <w:szCs w:val="20"/>
                        </w:rPr>
                        <w:t xml:space="preserve">　　</w:t>
                      </w:r>
                      <w:r w:rsidRPr="00F57A0A">
                        <w:rPr>
                          <w:rFonts w:ascii="ＭＳ Ｐゴシック" w:eastAsia="ＭＳ Ｐゴシック" w:hAnsi="ＭＳ Ｐゴシック" w:hint="eastAsia"/>
                          <w:sz w:val="20"/>
                          <w:szCs w:val="20"/>
                        </w:rPr>
                        <w:t xml:space="preserve">　(令和</w:t>
                      </w:r>
                      <w:r w:rsidR="0088066A">
                        <w:rPr>
                          <w:rFonts w:ascii="ＭＳ Ｐゴシック" w:eastAsia="ＭＳ Ｐゴシック" w:hAnsi="ＭＳ Ｐゴシック" w:hint="eastAsia"/>
                          <w:sz w:val="20"/>
                          <w:szCs w:val="20"/>
                        </w:rPr>
                        <w:t>7</w:t>
                      </w:r>
                      <w:r w:rsidRPr="00F57A0A">
                        <w:rPr>
                          <w:rFonts w:ascii="ＭＳ Ｐゴシック" w:eastAsia="ＭＳ Ｐゴシック" w:hAnsi="ＭＳ Ｐゴシック"/>
                          <w:sz w:val="20"/>
                          <w:szCs w:val="20"/>
                        </w:rPr>
                        <w:t>年</w:t>
                      </w:r>
                      <w:r w:rsidR="006C4A99">
                        <w:rPr>
                          <w:rFonts w:ascii="ＭＳ Ｐゴシック" w:eastAsia="ＭＳ Ｐゴシック" w:hAnsi="ＭＳ Ｐゴシック" w:hint="eastAsia"/>
                          <w:sz w:val="20"/>
                          <w:szCs w:val="20"/>
                        </w:rPr>
                        <w:t>12</w:t>
                      </w:r>
                      <w:r w:rsidRPr="00F57A0A">
                        <w:rPr>
                          <w:rFonts w:ascii="ＭＳ Ｐゴシック" w:eastAsia="ＭＳ Ｐゴシック" w:hAnsi="ＭＳ Ｐゴシック" w:hint="eastAsia"/>
                          <w:sz w:val="20"/>
                          <w:szCs w:val="20"/>
                        </w:rPr>
                        <w:t>月)</w:t>
                      </w:r>
                    </w:p>
                    <w:p w:rsidR="00C36F53" w:rsidRPr="00F57A0A" w:rsidRDefault="00C36F53" w:rsidP="00C36F53">
                      <w:pPr>
                        <w:spacing w:line="220" w:lineRule="exact"/>
                        <w:jc w:val="left"/>
                        <w:rPr>
                          <w:rFonts w:ascii="ＭＳ Ｐゴシック" w:eastAsia="ＭＳ Ｐゴシック" w:hAnsi="ＭＳ Ｐゴシック"/>
                          <w:sz w:val="20"/>
                          <w:szCs w:val="20"/>
                        </w:rPr>
                      </w:pPr>
                      <w:r w:rsidRPr="00F57A0A">
                        <w:rPr>
                          <w:rFonts w:ascii="ＭＳ Ｐゴシック" w:eastAsia="ＭＳ Ｐゴシック" w:hAnsi="ＭＳ Ｐゴシック" w:hint="eastAsia"/>
                          <w:sz w:val="20"/>
                          <w:szCs w:val="20"/>
                        </w:rPr>
                        <w:t>発行</w:t>
                      </w:r>
                      <w:r>
                        <w:rPr>
                          <w:rFonts w:ascii="ＭＳ Ｐゴシック" w:eastAsia="ＭＳ Ｐゴシック" w:hAnsi="ＭＳ Ｐゴシック" w:hint="eastAsia"/>
                          <w:sz w:val="20"/>
                          <w:szCs w:val="20"/>
                        </w:rPr>
                        <w:t>：</w:t>
                      </w:r>
                      <w:r w:rsidRPr="00F57A0A">
                        <w:rPr>
                          <w:rFonts w:ascii="ＭＳ Ｐゴシック" w:eastAsia="ＭＳ Ｐゴシック" w:hAnsi="ＭＳ Ｐゴシック" w:hint="eastAsia"/>
                          <w:sz w:val="20"/>
                          <w:szCs w:val="20"/>
                        </w:rPr>
                        <w:t>伊丹市</w:t>
                      </w:r>
                      <w:r w:rsidRPr="00F57A0A">
                        <w:rPr>
                          <w:rFonts w:ascii="ＭＳ Ｐゴシック" w:eastAsia="ＭＳ Ｐゴシック" w:hAnsi="ＭＳ Ｐゴシック"/>
                          <w:sz w:val="20"/>
                          <w:szCs w:val="20"/>
                        </w:rPr>
                        <w:t>立幼児教育センター</w:t>
                      </w:r>
                    </w:p>
                    <w:p w:rsidR="00C36F53" w:rsidRPr="00F57A0A" w:rsidRDefault="00C36F53" w:rsidP="00C36F53">
                      <w:pPr>
                        <w:spacing w:line="220" w:lineRule="exact"/>
                        <w:jc w:val="left"/>
                        <w:rPr>
                          <w:rFonts w:ascii="ＭＳ Ｐゴシック" w:eastAsia="ＭＳ Ｐゴシック" w:hAnsi="ＭＳ Ｐゴシック"/>
                          <w:sz w:val="20"/>
                          <w:szCs w:val="20"/>
                        </w:rPr>
                      </w:pPr>
                      <w:r w:rsidRPr="00F57A0A">
                        <w:rPr>
                          <w:rFonts w:ascii="ＭＳ Ｐゴシック" w:eastAsia="ＭＳ Ｐゴシック" w:hAnsi="ＭＳ Ｐゴシック" w:hint="eastAsia"/>
                          <w:sz w:val="20"/>
                          <w:szCs w:val="20"/>
                        </w:rPr>
                        <w:t>住所</w:t>
                      </w:r>
                      <w:r w:rsidRPr="00F57A0A">
                        <w:rPr>
                          <w:rFonts w:ascii="ＭＳ Ｐゴシック" w:eastAsia="ＭＳ Ｐゴシック" w:hAnsi="ＭＳ Ｐゴシック"/>
                          <w:sz w:val="20"/>
                          <w:szCs w:val="20"/>
                        </w:rPr>
                        <w:t>：</w:t>
                      </w:r>
                      <w:r w:rsidRPr="00F57A0A">
                        <w:rPr>
                          <w:rFonts w:ascii="ＭＳ Ｐゴシック" w:eastAsia="ＭＳ Ｐゴシック" w:hAnsi="ＭＳ Ｐゴシック" w:hint="eastAsia"/>
                          <w:sz w:val="20"/>
                          <w:szCs w:val="20"/>
                        </w:rPr>
                        <w:t>伊丹市千僧1－1</w:t>
                      </w:r>
                    </w:p>
                    <w:p w:rsidR="00C36F53" w:rsidRPr="00F57A0A" w:rsidRDefault="00C36F53" w:rsidP="00C36F53">
                      <w:pPr>
                        <w:spacing w:line="220" w:lineRule="exact"/>
                        <w:jc w:val="left"/>
                        <w:rPr>
                          <w:rFonts w:ascii="ＭＳ Ｐゴシック" w:eastAsia="ＭＳ Ｐゴシック" w:hAnsi="ＭＳ Ｐゴシック"/>
                          <w:sz w:val="20"/>
                          <w:szCs w:val="20"/>
                        </w:rPr>
                      </w:pPr>
                      <w:r w:rsidRPr="00F57A0A">
                        <w:rPr>
                          <w:rFonts w:ascii="ＭＳ Ｐゴシック" w:eastAsia="ＭＳ Ｐゴシック" w:hAnsi="ＭＳ Ｐゴシック" w:hint="eastAsia"/>
                          <w:sz w:val="20"/>
                          <w:szCs w:val="20"/>
                        </w:rPr>
                        <w:t>電話</w:t>
                      </w:r>
                      <w:r w:rsidRPr="00F57A0A">
                        <w:rPr>
                          <w:rFonts w:ascii="ＭＳ Ｐゴシック" w:eastAsia="ＭＳ Ｐゴシック" w:hAnsi="ＭＳ Ｐゴシック"/>
                          <w:sz w:val="20"/>
                          <w:szCs w:val="20"/>
                        </w:rPr>
                        <w:t>：</w:t>
                      </w:r>
                      <w:r w:rsidRPr="00F57A0A">
                        <w:rPr>
                          <w:rFonts w:ascii="ＭＳ Ｐゴシック" w:eastAsia="ＭＳ Ｐゴシック" w:hAnsi="ＭＳ Ｐゴシック" w:hint="eastAsia"/>
                          <w:sz w:val="20"/>
                          <w:szCs w:val="20"/>
                        </w:rPr>
                        <w:t>072</w:t>
                      </w:r>
                      <w:r>
                        <w:rPr>
                          <w:rFonts w:ascii="ＭＳ Ｐゴシック" w:eastAsia="ＭＳ Ｐゴシック" w:hAnsi="ＭＳ Ｐゴシック" w:hint="eastAsia"/>
                          <w:sz w:val="20"/>
                          <w:szCs w:val="20"/>
                        </w:rPr>
                        <w:t>-</w:t>
                      </w:r>
                      <w:r w:rsidRPr="00F57A0A">
                        <w:rPr>
                          <w:rFonts w:ascii="ＭＳ Ｐゴシック" w:eastAsia="ＭＳ Ｐゴシック" w:hAnsi="ＭＳ Ｐゴシック" w:hint="eastAsia"/>
                          <w:sz w:val="20"/>
                          <w:szCs w:val="20"/>
                        </w:rPr>
                        <w:t>780-2488</w:t>
                      </w:r>
                    </w:p>
                    <w:p w:rsidR="00C36F53" w:rsidRPr="0014026D" w:rsidRDefault="00C36F53" w:rsidP="00C36F53">
                      <w:pPr>
                        <w:spacing w:line="220" w:lineRule="exact"/>
                        <w:jc w:val="left"/>
                        <w:rPr>
                          <w:rFonts w:ascii="ＭＳ Ｐゴシック" w:eastAsia="ＭＳ Ｐゴシック" w:hAnsi="ＭＳ Ｐゴシック"/>
                          <w:sz w:val="20"/>
                          <w:szCs w:val="20"/>
                        </w:rPr>
                      </w:pPr>
                      <w:r w:rsidRPr="00F57A0A">
                        <w:rPr>
                          <w:rFonts w:ascii="ＭＳ Ｐゴシック" w:eastAsia="ＭＳ Ｐゴシック" w:hAnsi="ＭＳ Ｐゴシック" w:hint="eastAsia"/>
                          <w:sz w:val="20"/>
                          <w:szCs w:val="20"/>
                        </w:rPr>
                        <w:t>アドレス</w:t>
                      </w:r>
                      <w:r w:rsidRPr="00F57A0A">
                        <w:rPr>
                          <w:rFonts w:ascii="ＭＳ Ｐゴシック" w:eastAsia="ＭＳ Ｐゴシック" w:hAnsi="ＭＳ Ｐゴシック"/>
                          <w:sz w:val="20"/>
                          <w:szCs w:val="20"/>
                        </w:rPr>
                        <w:t>：</w:t>
                      </w:r>
                      <w:r w:rsidR="006E4028" w:rsidRPr="006E4028">
                        <w:rPr>
                          <w:rFonts w:ascii="ＭＳ Ｐゴシック" w:eastAsia="ＭＳ Ｐゴシック" w:hAnsi="ＭＳ Ｐゴシック"/>
                          <w:sz w:val="20"/>
                          <w:szCs w:val="20"/>
                        </w:rPr>
                        <w:t>youkyosenta@city.itami.lg.jp</w:t>
                      </w:r>
                    </w:p>
                  </w:txbxContent>
                </v:textbox>
                <w10:wrap anchorx="page"/>
              </v:rect>
            </w:pict>
          </mc:Fallback>
        </mc:AlternateContent>
      </w:r>
      <w:r w:rsidR="00A25AA1">
        <w:rPr>
          <w:noProof/>
        </w:rPr>
        <mc:AlternateContent>
          <mc:Choice Requires="wps">
            <w:drawing>
              <wp:anchor distT="0" distB="0" distL="114300" distR="114300" simplePos="0" relativeHeight="251669504" behindDoc="0" locked="0" layoutInCell="1" allowOverlap="1" wp14:anchorId="2B881CF4" wp14:editId="1FCB8D44">
                <wp:simplePos x="0" y="0"/>
                <wp:positionH relativeFrom="column">
                  <wp:posOffset>4748530</wp:posOffset>
                </wp:positionH>
                <wp:positionV relativeFrom="paragraph">
                  <wp:posOffset>432435</wp:posOffset>
                </wp:positionV>
                <wp:extent cx="1716405" cy="714375"/>
                <wp:effectExtent l="0" t="0" r="17145" b="28575"/>
                <wp:wrapNone/>
                <wp:docPr id="24" name="正方形/長方形 24"/>
                <wp:cNvGraphicFramePr/>
                <a:graphic xmlns:a="http://schemas.openxmlformats.org/drawingml/2006/main">
                  <a:graphicData uri="http://schemas.microsoft.com/office/word/2010/wordprocessingShape">
                    <wps:wsp>
                      <wps:cNvSpPr/>
                      <wps:spPr>
                        <a:xfrm>
                          <a:off x="0" y="0"/>
                          <a:ext cx="1716405" cy="714375"/>
                        </a:xfrm>
                        <a:prstGeom prst="rect">
                          <a:avLst/>
                        </a:prstGeom>
                      </wps:spPr>
                      <wps:style>
                        <a:lnRef idx="2">
                          <a:schemeClr val="accent6"/>
                        </a:lnRef>
                        <a:fillRef idx="1">
                          <a:schemeClr val="lt1"/>
                        </a:fillRef>
                        <a:effectRef idx="0">
                          <a:schemeClr val="accent6"/>
                        </a:effectRef>
                        <a:fontRef idx="minor">
                          <a:schemeClr val="dk1"/>
                        </a:fontRef>
                      </wps:style>
                      <wps:txbx>
                        <w:txbxContent>
                          <w:p w14:paraId="1A2DEC88" w14:textId="77777777" w:rsidR="005F03DE" w:rsidRPr="00683535" w:rsidRDefault="005F03DE" w:rsidP="005F03DE">
                            <w:pPr>
                              <w:jc w:val="left"/>
                              <w:rPr>
                                <w:rFonts w:ascii="ＭＳ Ｐゴシック" w:eastAsia="ＭＳ Ｐゴシック" w:hAnsi="ＭＳ Ｐゴシック"/>
                                <w:sz w:val="16"/>
                                <w:szCs w:val="16"/>
                              </w:rPr>
                            </w:pPr>
                            <w:r w:rsidRPr="00683535">
                              <w:rPr>
                                <w:rFonts w:ascii="ＭＳ Ｐゴシック" w:eastAsia="ＭＳ Ｐゴシック" w:hAnsi="ＭＳ Ｐゴシック" w:hint="eastAsia"/>
                                <w:sz w:val="16"/>
                                <w:szCs w:val="16"/>
                              </w:rPr>
                              <w:t>Vol</w:t>
                            </w:r>
                            <w:r w:rsidR="00683535">
                              <w:rPr>
                                <w:rFonts w:ascii="ＭＳ Ｐゴシック" w:eastAsia="ＭＳ Ｐゴシック" w:hAnsi="ＭＳ Ｐゴシック" w:hint="eastAsia"/>
                                <w:sz w:val="16"/>
                                <w:szCs w:val="16"/>
                              </w:rPr>
                              <w:t xml:space="preserve">　</w:t>
                            </w:r>
                            <w:r w:rsidR="00446806">
                              <w:rPr>
                                <w:rFonts w:ascii="ＭＳ Ｐゴシック" w:eastAsia="ＭＳ Ｐゴシック" w:hAnsi="ＭＳ Ｐゴシック" w:hint="eastAsia"/>
                                <w:sz w:val="16"/>
                                <w:szCs w:val="16"/>
                              </w:rPr>
                              <w:t>２</w:t>
                            </w:r>
                            <w:r w:rsidRPr="00683535">
                              <w:rPr>
                                <w:rFonts w:ascii="ＭＳ Ｐゴシック" w:eastAsia="ＭＳ Ｐゴシック" w:hAnsi="ＭＳ Ｐゴシック"/>
                                <w:sz w:val="16"/>
                                <w:szCs w:val="16"/>
                              </w:rPr>
                              <w:t xml:space="preserve">　　</w:t>
                            </w:r>
                            <w:r w:rsidR="00446806">
                              <w:rPr>
                                <w:rFonts w:ascii="ＭＳ Ｐゴシック" w:eastAsia="ＭＳ Ｐゴシック" w:hAnsi="ＭＳ Ｐゴシック" w:hint="eastAsia"/>
                                <w:sz w:val="16"/>
                                <w:szCs w:val="16"/>
                              </w:rPr>
                              <w:t xml:space="preserve">　</w:t>
                            </w:r>
                            <w:r w:rsidR="00446806">
                              <w:rPr>
                                <w:rFonts w:ascii="ＭＳ Ｐゴシック" w:eastAsia="ＭＳ Ｐゴシック" w:hAnsi="ＭＳ Ｐゴシック"/>
                                <w:sz w:val="16"/>
                                <w:szCs w:val="16"/>
                              </w:rPr>
                              <w:t xml:space="preserve">　　　</w:t>
                            </w:r>
                            <w:r w:rsidRPr="00683535">
                              <w:rPr>
                                <w:rFonts w:ascii="ＭＳ Ｐゴシック" w:eastAsia="ＭＳ Ｐゴシック" w:hAnsi="ＭＳ Ｐゴシック" w:hint="eastAsia"/>
                                <w:sz w:val="16"/>
                                <w:szCs w:val="16"/>
                              </w:rPr>
                              <w:t xml:space="preserve">　</w:t>
                            </w:r>
                            <w:r w:rsidR="00662037">
                              <w:rPr>
                                <w:rFonts w:ascii="ＭＳ Ｐゴシック" w:eastAsia="ＭＳ Ｐゴシック" w:hAnsi="ＭＳ Ｐゴシック" w:hint="eastAsia"/>
                                <w:sz w:val="16"/>
                                <w:szCs w:val="16"/>
                              </w:rPr>
                              <w:t>(令和</w:t>
                            </w:r>
                            <w:r w:rsidR="00662037">
                              <w:rPr>
                                <w:rFonts w:ascii="ＭＳ Ｐゴシック" w:eastAsia="ＭＳ Ｐゴシック" w:hAnsi="ＭＳ Ｐゴシック"/>
                                <w:sz w:val="16"/>
                                <w:szCs w:val="16"/>
                              </w:rPr>
                              <w:t>3</w:t>
                            </w:r>
                            <w:r w:rsidRPr="00683535">
                              <w:rPr>
                                <w:rFonts w:ascii="ＭＳ Ｐゴシック" w:eastAsia="ＭＳ Ｐゴシック" w:hAnsi="ＭＳ Ｐゴシック"/>
                                <w:sz w:val="16"/>
                                <w:szCs w:val="16"/>
                              </w:rPr>
                              <w:t>年</w:t>
                            </w:r>
                            <w:r w:rsidR="00446806">
                              <w:rPr>
                                <w:rFonts w:ascii="ＭＳ Ｐゴシック" w:eastAsia="ＭＳ Ｐゴシック" w:hAnsi="ＭＳ Ｐゴシック" w:hint="eastAsia"/>
                                <w:sz w:val="16"/>
                                <w:szCs w:val="16"/>
                              </w:rPr>
                              <w:t>4</w:t>
                            </w:r>
                            <w:r w:rsidRPr="00683535">
                              <w:rPr>
                                <w:rFonts w:ascii="ＭＳ Ｐゴシック" w:eastAsia="ＭＳ Ｐゴシック" w:hAnsi="ＭＳ Ｐゴシック" w:hint="eastAsia"/>
                                <w:sz w:val="16"/>
                                <w:szCs w:val="16"/>
                              </w:rPr>
                              <w:t>月)</w:t>
                            </w:r>
                          </w:p>
                          <w:p w14:paraId="6ED7EF13" w14:textId="77777777" w:rsidR="00A25AA1" w:rsidRDefault="005F03DE" w:rsidP="005F03DE">
                            <w:pPr>
                              <w:jc w:val="left"/>
                              <w:rPr>
                                <w:rFonts w:ascii="ＭＳ Ｐゴシック" w:eastAsia="ＭＳ Ｐゴシック" w:hAnsi="ＭＳ Ｐゴシック"/>
                                <w:sz w:val="16"/>
                                <w:szCs w:val="16"/>
                              </w:rPr>
                            </w:pPr>
                            <w:r w:rsidRPr="00683535">
                              <w:rPr>
                                <w:rFonts w:ascii="ＭＳ Ｐゴシック" w:eastAsia="ＭＳ Ｐゴシック" w:hAnsi="ＭＳ Ｐゴシック" w:hint="eastAsia"/>
                                <w:sz w:val="16"/>
                                <w:szCs w:val="16"/>
                              </w:rPr>
                              <w:t>発行</w:t>
                            </w:r>
                            <w:r w:rsidRPr="00683535">
                              <w:rPr>
                                <w:rFonts w:ascii="ＭＳ Ｐゴシック" w:eastAsia="ＭＳ Ｐゴシック" w:hAnsi="ＭＳ Ｐゴシック"/>
                                <w:sz w:val="16"/>
                                <w:szCs w:val="16"/>
                              </w:rPr>
                              <w:t xml:space="preserve">　</w:t>
                            </w:r>
                            <w:r w:rsidRPr="00683535">
                              <w:rPr>
                                <w:rFonts w:ascii="ＭＳ Ｐゴシック" w:eastAsia="ＭＳ Ｐゴシック" w:hAnsi="ＭＳ Ｐゴシック" w:hint="eastAsia"/>
                                <w:sz w:val="16"/>
                                <w:szCs w:val="16"/>
                              </w:rPr>
                              <w:t>伊丹市</w:t>
                            </w:r>
                            <w:r w:rsidRPr="00683535">
                              <w:rPr>
                                <w:rFonts w:ascii="ＭＳ Ｐゴシック" w:eastAsia="ＭＳ Ｐゴシック" w:hAnsi="ＭＳ Ｐゴシック"/>
                                <w:sz w:val="16"/>
                                <w:szCs w:val="16"/>
                              </w:rPr>
                              <w:t>立幼児教育センター</w:t>
                            </w:r>
                          </w:p>
                          <w:p w14:paraId="6CFBABA7" w14:textId="77777777" w:rsidR="00A25AA1" w:rsidRPr="00A25AA1" w:rsidRDefault="00A25AA1" w:rsidP="005F03DE">
                            <w:pPr>
                              <w:jc w:val="left"/>
                              <w:rPr>
                                <w:rFonts w:ascii="ＭＳ Ｐゴシック" w:eastAsia="ＭＳ Ｐゴシック" w:hAnsi="ＭＳ Ｐゴシック"/>
                                <w:sz w:val="16"/>
                                <w:szCs w:val="16"/>
                              </w:rPr>
                            </w:pPr>
                            <w:r>
                              <w:rPr>
                                <w:rFonts w:ascii="ＭＳ Ｐゴシック" w:eastAsia="ＭＳ Ｐゴシック" w:hAnsi="ＭＳ Ｐゴシック" w:hint="eastAsia"/>
                                <w:sz w:val="16"/>
                                <w:szCs w:val="16"/>
                              </w:rPr>
                              <w:t>編集</w:t>
                            </w:r>
                            <w:r>
                              <w:rPr>
                                <w:rFonts w:ascii="ＭＳ Ｐゴシック" w:eastAsia="ＭＳ Ｐゴシック" w:hAnsi="ＭＳ Ｐゴシック"/>
                                <w:sz w:val="16"/>
                                <w:szCs w:val="16"/>
                              </w:rPr>
                              <w:t xml:space="preserve">　</w:t>
                            </w:r>
                            <w:r w:rsidR="002B7FA0">
                              <w:rPr>
                                <w:rFonts w:ascii="ＭＳ Ｐゴシック" w:eastAsia="ＭＳ Ｐゴシック" w:hAnsi="ＭＳ Ｐゴシック" w:hint="eastAsia"/>
                                <w:sz w:val="16"/>
                                <w:szCs w:val="16"/>
                              </w:rPr>
                              <w:t>幼児教育</w:t>
                            </w:r>
                            <w:r w:rsidR="002B7FA0">
                              <w:rPr>
                                <w:rFonts w:ascii="ＭＳ Ｐゴシック" w:eastAsia="ＭＳ Ｐゴシック" w:hAnsi="ＭＳ Ｐゴシック"/>
                                <w:sz w:val="16"/>
                                <w:szCs w:val="16"/>
                              </w:rPr>
                              <w:t>センター長　川阪</w:t>
                            </w:r>
                          </w:p>
                          <w:p w14:paraId="0DF51A56" w14:textId="77777777" w:rsidR="005F03DE" w:rsidRPr="00683535" w:rsidRDefault="005F03DE" w:rsidP="005F03DE">
                            <w:pPr>
                              <w:jc w:val="left"/>
                              <w:rPr>
                                <w:rFonts w:ascii="ＭＳ Ｐゴシック" w:eastAsia="ＭＳ Ｐゴシック" w:hAnsi="ＭＳ Ｐゴシック"/>
                                <w:sz w:val="18"/>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id="正方形/長方形 24" o:spid="_x0000_s1027" style="position:absolute;left:0;text-align:left;margin-left:373.9pt;margin-top:34.05pt;width:135.15pt;height:56.25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qPjdhQIAADAFAAAOAAAAZHJzL2Uyb0RvYy54bWysVMFuEzEQvSPxD5bvdLMhbSDqpopSFSFV&#10;bUWLena8drPC9hjbyW74D/gAOHNGHPgcKvEXjL2bbSg5IS67M555M56ZNz4+abQia+F8Baag+cGA&#10;EmE4lJW5K+jbm7NnLyjxgZmSKTCioBvh6cn06ZPj2k7EEJagSuEIBjF+UtuCLkOwkyzzfCk08wdg&#10;hUGjBKdZQNXdZaVjNUbXKhsOBkdZDa60DrjwHk9PWyOdpvhSCh4upfQiEFVQvFtIX5e+i/jNpsds&#10;cueYXVa8uwb7h1toVhlM2oc6ZYGRlav+CqUr7sCDDAccdAZSVlykGrCafPComuslsyLVgs3xtm+T&#10;/39h+cX6ypGqLOhwRIlhGmd0//XL/afvP398zn59/NZKBK3Yqtr6CSKu7ZXrNI9irLuRTsc/VkSa&#10;1N5N317RBMLxMB/nR6PBISUcbeN89Hx8GINmD2jrfHglQJMoFNTh+FJX2frch9Z164K4eJs2f5LC&#10;Rol4BWXeCIklYcZhQicyiblyZM2QBoxzYcJRlzp5R5islOqB+T6gCnkH6nwjTCSS9cDBPuCfGXtE&#10;ygom9GBdGXD7ApTv+syt/7b6tuZYfmgWTZpj8ownCyg3OFsHLem95WcVtvWc+XDFHLIc9wE3N1zi&#10;RyqoCwqdRMkS3Id959EfyYdWSmrcmoL69yvmBCXqtUFavsxHo7hmSRkdjoeouF3LYtdiVnoOOJEc&#10;3wjLkxj9g9qK0oG+xQWfxaxoYoZj7oLy4LbKPLTbjE8EF7NZcsPVsiycm2vLY/DY50ibm+aWOdtx&#10;KyArL2C7YWzyiGKtb0QamK0CyCrx76Gv3QRwLRODuyck7v2unrweHrrpbwAAAP//AwBQSwMEFAAG&#10;AAgAAAAhABJMm77dAAAACwEAAA8AAABkcnMvZG93bnJldi54bWxMj8FOwzAQRO9I/IO1SNyoHUBp&#10;GuJUBVS4QoFy3cZLEhGvo9hpw9/jnOA2qxnNvC3Wk+3EkQbfOtaQLBQI4sqZlmsN72/bqwyED8gG&#10;O8ek4Yc8rMvzswJz4078SsddqEUsYZ+jhiaEPpfSVw1Z9AvXE0fvyw0WQzyHWpoBT7HcdvJaqVRa&#10;bDkuNNjTQ0PV9260Gsbq6f6z7jcvj9sbfpYuWdmPvdH68mLa3IEINIW/MMz4ER3KyHRwIxsvOg3L&#10;22VEDxrSLAExB1Qyq0NUmUpBloX8/0P5CwAA//8DAFBLAQItABQABgAIAAAAIQC2gziS/gAAAOEB&#10;AAATAAAAAAAAAAAAAAAAAAAAAABbQ29udGVudF9UeXBlc10ueG1sUEsBAi0AFAAGAAgAAAAhADj9&#10;If/WAAAAlAEAAAsAAAAAAAAAAAAAAAAALwEAAF9yZWxzLy5yZWxzUEsBAi0AFAAGAAgAAAAhABCo&#10;+N2FAgAAMAUAAA4AAAAAAAAAAAAAAAAALgIAAGRycy9lMm9Eb2MueG1sUEsBAi0AFAAGAAgAAAAh&#10;ABJMm77dAAAACwEAAA8AAAAAAAAAAAAAAAAA3wQAAGRycy9kb3ducmV2LnhtbFBLBQYAAAAABAAE&#10;APMAAADpBQAAAAA=&#10;" fillcolor="white [3201]" strokecolor="#70ad47 [3209]" strokeweight="1pt">
                <v:textbox>
                  <w:txbxContent>
                    <w:p w:rsidR="005F03DE" w:rsidRPr="00683535" w:rsidRDefault="005F03DE" w:rsidP="005F03DE">
                      <w:pPr>
                        <w:jc w:val="left"/>
                        <w:rPr>
                          <w:rFonts w:ascii="ＭＳ Ｐゴシック" w:eastAsia="ＭＳ Ｐゴシック" w:hAnsi="ＭＳ Ｐゴシック"/>
                          <w:sz w:val="16"/>
                          <w:szCs w:val="16"/>
                        </w:rPr>
                      </w:pPr>
                      <w:r w:rsidRPr="00683535">
                        <w:rPr>
                          <w:rFonts w:ascii="ＭＳ Ｐゴシック" w:eastAsia="ＭＳ Ｐゴシック" w:hAnsi="ＭＳ Ｐゴシック" w:hint="eastAsia"/>
                          <w:sz w:val="16"/>
                          <w:szCs w:val="16"/>
                        </w:rPr>
                        <w:t>Vol</w:t>
                      </w:r>
                      <w:r w:rsidR="00683535">
                        <w:rPr>
                          <w:rFonts w:ascii="ＭＳ Ｐゴシック" w:eastAsia="ＭＳ Ｐゴシック" w:hAnsi="ＭＳ Ｐゴシック" w:hint="eastAsia"/>
                          <w:sz w:val="16"/>
                          <w:szCs w:val="16"/>
                        </w:rPr>
                        <w:t xml:space="preserve">　</w:t>
                      </w:r>
                      <w:r w:rsidR="00446806">
                        <w:rPr>
                          <w:rFonts w:ascii="ＭＳ Ｐゴシック" w:eastAsia="ＭＳ Ｐゴシック" w:hAnsi="ＭＳ Ｐゴシック" w:hint="eastAsia"/>
                          <w:sz w:val="16"/>
                          <w:szCs w:val="16"/>
                        </w:rPr>
                        <w:t>２</w:t>
                      </w:r>
                      <w:r w:rsidRPr="00683535">
                        <w:rPr>
                          <w:rFonts w:ascii="ＭＳ Ｐゴシック" w:eastAsia="ＭＳ Ｐゴシック" w:hAnsi="ＭＳ Ｐゴシック"/>
                          <w:sz w:val="16"/>
                          <w:szCs w:val="16"/>
                        </w:rPr>
                        <w:t xml:space="preserve">　　</w:t>
                      </w:r>
                      <w:r w:rsidR="00446806">
                        <w:rPr>
                          <w:rFonts w:ascii="ＭＳ Ｐゴシック" w:eastAsia="ＭＳ Ｐゴシック" w:hAnsi="ＭＳ Ｐゴシック" w:hint="eastAsia"/>
                          <w:sz w:val="16"/>
                          <w:szCs w:val="16"/>
                        </w:rPr>
                        <w:t xml:space="preserve">　</w:t>
                      </w:r>
                      <w:r w:rsidR="00446806">
                        <w:rPr>
                          <w:rFonts w:ascii="ＭＳ Ｐゴシック" w:eastAsia="ＭＳ Ｐゴシック" w:hAnsi="ＭＳ Ｐゴシック"/>
                          <w:sz w:val="16"/>
                          <w:szCs w:val="16"/>
                        </w:rPr>
                        <w:t xml:space="preserve">　　　</w:t>
                      </w:r>
                      <w:r w:rsidRPr="00683535">
                        <w:rPr>
                          <w:rFonts w:ascii="ＭＳ Ｐゴシック" w:eastAsia="ＭＳ Ｐゴシック" w:hAnsi="ＭＳ Ｐゴシック" w:hint="eastAsia"/>
                          <w:sz w:val="16"/>
                          <w:szCs w:val="16"/>
                        </w:rPr>
                        <w:t xml:space="preserve">　</w:t>
                      </w:r>
                      <w:r w:rsidR="00662037">
                        <w:rPr>
                          <w:rFonts w:ascii="ＭＳ Ｐゴシック" w:eastAsia="ＭＳ Ｐゴシック" w:hAnsi="ＭＳ Ｐゴシック" w:hint="eastAsia"/>
                          <w:sz w:val="16"/>
                          <w:szCs w:val="16"/>
                        </w:rPr>
                        <w:t>(令和</w:t>
                      </w:r>
                      <w:r w:rsidR="00662037">
                        <w:rPr>
                          <w:rFonts w:ascii="ＭＳ Ｐゴシック" w:eastAsia="ＭＳ Ｐゴシック" w:hAnsi="ＭＳ Ｐゴシック"/>
                          <w:sz w:val="16"/>
                          <w:szCs w:val="16"/>
                        </w:rPr>
                        <w:t>3</w:t>
                      </w:r>
                      <w:r w:rsidRPr="00683535">
                        <w:rPr>
                          <w:rFonts w:ascii="ＭＳ Ｐゴシック" w:eastAsia="ＭＳ Ｐゴシック" w:hAnsi="ＭＳ Ｐゴシック"/>
                          <w:sz w:val="16"/>
                          <w:szCs w:val="16"/>
                        </w:rPr>
                        <w:t>年</w:t>
                      </w:r>
                      <w:r w:rsidR="00446806">
                        <w:rPr>
                          <w:rFonts w:ascii="ＭＳ Ｐゴシック" w:eastAsia="ＭＳ Ｐゴシック" w:hAnsi="ＭＳ Ｐゴシック" w:hint="eastAsia"/>
                          <w:sz w:val="16"/>
                          <w:szCs w:val="16"/>
                        </w:rPr>
                        <w:t>4</w:t>
                      </w:r>
                      <w:r w:rsidRPr="00683535">
                        <w:rPr>
                          <w:rFonts w:ascii="ＭＳ Ｐゴシック" w:eastAsia="ＭＳ Ｐゴシック" w:hAnsi="ＭＳ Ｐゴシック" w:hint="eastAsia"/>
                          <w:sz w:val="16"/>
                          <w:szCs w:val="16"/>
                        </w:rPr>
                        <w:t>月)</w:t>
                      </w:r>
                    </w:p>
                    <w:p w:rsidR="00A25AA1" w:rsidRDefault="005F03DE" w:rsidP="005F03DE">
                      <w:pPr>
                        <w:jc w:val="left"/>
                        <w:rPr>
                          <w:rFonts w:ascii="ＭＳ Ｐゴシック" w:eastAsia="ＭＳ Ｐゴシック" w:hAnsi="ＭＳ Ｐゴシック"/>
                          <w:sz w:val="16"/>
                          <w:szCs w:val="16"/>
                        </w:rPr>
                      </w:pPr>
                      <w:r w:rsidRPr="00683535">
                        <w:rPr>
                          <w:rFonts w:ascii="ＭＳ Ｐゴシック" w:eastAsia="ＭＳ Ｐゴシック" w:hAnsi="ＭＳ Ｐゴシック" w:hint="eastAsia"/>
                          <w:sz w:val="16"/>
                          <w:szCs w:val="16"/>
                        </w:rPr>
                        <w:t>発行</w:t>
                      </w:r>
                      <w:r w:rsidRPr="00683535">
                        <w:rPr>
                          <w:rFonts w:ascii="ＭＳ Ｐゴシック" w:eastAsia="ＭＳ Ｐゴシック" w:hAnsi="ＭＳ Ｐゴシック"/>
                          <w:sz w:val="16"/>
                          <w:szCs w:val="16"/>
                        </w:rPr>
                        <w:t xml:space="preserve">　</w:t>
                      </w:r>
                      <w:r w:rsidRPr="00683535">
                        <w:rPr>
                          <w:rFonts w:ascii="ＭＳ Ｐゴシック" w:eastAsia="ＭＳ Ｐゴシック" w:hAnsi="ＭＳ Ｐゴシック" w:hint="eastAsia"/>
                          <w:sz w:val="16"/>
                          <w:szCs w:val="16"/>
                        </w:rPr>
                        <w:t>伊丹市</w:t>
                      </w:r>
                      <w:r w:rsidRPr="00683535">
                        <w:rPr>
                          <w:rFonts w:ascii="ＭＳ Ｐゴシック" w:eastAsia="ＭＳ Ｐゴシック" w:hAnsi="ＭＳ Ｐゴシック"/>
                          <w:sz w:val="16"/>
                          <w:szCs w:val="16"/>
                        </w:rPr>
                        <w:t>立幼児教育センター</w:t>
                      </w:r>
                    </w:p>
                    <w:p w:rsidR="00A25AA1" w:rsidRPr="00A25AA1" w:rsidRDefault="00A25AA1" w:rsidP="005F03DE">
                      <w:pPr>
                        <w:jc w:val="left"/>
                        <w:rPr>
                          <w:rFonts w:ascii="ＭＳ Ｐゴシック" w:eastAsia="ＭＳ Ｐゴシック" w:hAnsi="ＭＳ Ｐゴシック"/>
                          <w:sz w:val="16"/>
                          <w:szCs w:val="16"/>
                        </w:rPr>
                      </w:pPr>
                      <w:r>
                        <w:rPr>
                          <w:rFonts w:ascii="ＭＳ Ｐゴシック" w:eastAsia="ＭＳ Ｐゴシック" w:hAnsi="ＭＳ Ｐゴシック" w:hint="eastAsia"/>
                          <w:sz w:val="16"/>
                          <w:szCs w:val="16"/>
                        </w:rPr>
                        <w:t>編集</w:t>
                      </w:r>
                      <w:r>
                        <w:rPr>
                          <w:rFonts w:ascii="ＭＳ Ｐゴシック" w:eastAsia="ＭＳ Ｐゴシック" w:hAnsi="ＭＳ Ｐゴシック"/>
                          <w:sz w:val="16"/>
                          <w:szCs w:val="16"/>
                        </w:rPr>
                        <w:t xml:space="preserve">　</w:t>
                      </w:r>
                      <w:r w:rsidR="002B7FA0">
                        <w:rPr>
                          <w:rFonts w:ascii="ＭＳ Ｐゴシック" w:eastAsia="ＭＳ Ｐゴシック" w:hAnsi="ＭＳ Ｐゴシック" w:hint="eastAsia"/>
                          <w:sz w:val="16"/>
                          <w:szCs w:val="16"/>
                        </w:rPr>
                        <w:t>幼児教育</w:t>
                      </w:r>
                      <w:r w:rsidR="002B7FA0">
                        <w:rPr>
                          <w:rFonts w:ascii="ＭＳ Ｐゴシック" w:eastAsia="ＭＳ Ｐゴシック" w:hAnsi="ＭＳ Ｐゴシック"/>
                          <w:sz w:val="16"/>
                          <w:szCs w:val="16"/>
                        </w:rPr>
                        <w:t>センター長　川阪</w:t>
                      </w:r>
                    </w:p>
                    <w:p w:rsidR="005F03DE" w:rsidRPr="00683535" w:rsidRDefault="005F03DE" w:rsidP="005F03DE">
                      <w:pPr>
                        <w:jc w:val="left"/>
                        <w:rPr>
                          <w:rFonts w:ascii="ＭＳ Ｐゴシック" w:eastAsia="ＭＳ Ｐゴシック" w:hAnsi="ＭＳ Ｐゴシック"/>
                          <w:sz w:val="18"/>
                          <w:szCs w:val="18"/>
                        </w:rPr>
                      </w:pPr>
                    </w:p>
                  </w:txbxContent>
                </v:textbox>
              </v:rect>
            </w:pict>
          </mc:Fallback>
        </mc:AlternateContent>
      </w:r>
      <w:r w:rsidR="005F03DE">
        <w:rPr>
          <w:noProof/>
        </w:rPr>
        <mc:AlternateContent>
          <mc:Choice Requires="wps">
            <w:drawing>
              <wp:anchor distT="0" distB="0" distL="114300" distR="114300" simplePos="0" relativeHeight="251660288" behindDoc="0" locked="0" layoutInCell="1" allowOverlap="1" wp14:anchorId="5EF72E43" wp14:editId="4BB6A1E5">
                <wp:simplePos x="0" y="0"/>
                <wp:positionH relativeFrom="margin">
                  <wp:posOffset>1531754</wp:posOffset>
                </wp:positionH>
                <wp:positionV relativeFrom="paragraph">
                  <wp:posOffset>390346</wp:posOffset>
                </wp:positionV>
                <wp:extent cx="2691441" cy="595222"/>
                <wp:effectExtent l="0" t="0" r="0" b="0"/>
                <wp:wrapNone/>
                <wp:docPr id="5" name="テキスト ボックス 5"/>
                <wp:cNvGraphicFramePr/>
                <a:graphic xmlns:a="http://schemas.openxmlformats.org/drawingml/2006/main">
                  <a:graphicData uri="http://schemas.microsoft.com/office/word/2010/wordprocessingShape">
                    <wps:wsp>
                      <wps:cNvSpPr txBox="1"/>
                      <wps:spPr>
                        <a:xfrm>
                          <a:off x="0" y="0"/>
                          <a:ext cx="2691441" cy="595222"/>
                        </a:xfrm>
                        <a:prstGeom prst="rect">
                          <a:avLst/>
                        </a:prstGeom>
                        <a:noFill/>
                        <a:ln w="6350">
                          <a:noFill/>
                        </a:ln>
                      </wps:spPr>
                      <wps:txbx>
                        <w:txbxContent>
                          <w:p w14:paraId="0E4D18AD" w14:textId="77777777" w:rsidR="003D2A55" w:rsidRPr="00683535" w:rsidRDefault="003D2A55" w:rsidP="005F03DE">
                            <w:pPr>
                              <w:rPr>
                                <w:rFonts w:ascii="ＭＳ Ｐゴシック" w:eastAsia="ＭＳ Ｐゴシック" w:hAnsi="ＭＳ Ｐゴシック"/>
                                <w:b/>
                                <w:sz w:val="44"/>
                                <w:szCs w:val="44"/>
                              </w:rPr>
                            </w:pPr>
                            <w:r w:rsidRPr="00683535">
                              <w:rPr>
                                <w:rFonts w:ascii="ＭＳ Ｐゴシック" w:eastAsia="ＭＳ Ｐゴシック" w:hAnsi="ＭＳ Ｐゴシック" w:hint="eastAsia"/>
                                <w:b/>
                                <w:sz w:val="44"/>
                                <w:szCs w:val="44"/>
                              </w:rPr>
                              <w:t>ときめき</w:t>
                            </w:r>
                            <w:r w:rsidR="005F03DE" w:rsidRPr="00683535">
                              <w:rPr>
                                <w:rFonts w:ascii="ＭＳ Ｐゴシック" w:eastAsia="ＭＳ Ｐゴシック" w:hAnsi="ＭＳ Ｐゴシック" w:hint="eastAsia"/>
                                <w:b/>
                                <w:sz w:val="44"/>
                                <w:szCs w:val="44"/>
                              </w:rPr>
                              <w:t xml:space="preserve"> </w:t>
                            </w:r>
                            <w:r w:rsidR="005F03DE" w:rsidRPr="00683535">
                              <w:rPr>
                                <w:rFonts w:ascii="ＭＳ Ｐゴシック" w:eastAsia="ＭＳ Ｐゴシック" w:hAnsi="ＭＳ Ｐゴシック" w:hint="eastAsia"/>
                                <w:b/>
                                <w:sz w:val="44"/>
                                <w:szCs w:val="44"/>
                              </w:rPr>
                              <w:t>ひらめき</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テキスト ボックス 5" o:spid="_x0000_s1028" type="#_x0000_t202" style="position:absolute;left:0;text-align:left;margin-left:120.6pt;margin-top:30.75pt;width:211.9pt;height:46.85pt;z-index:2516602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ho11TAIAAGkEAAAOAAAAZHJzL2Uyb0RvYy54bWysVMuO0zAU3SPxD5b3NG1oChM1HZUZFSFV&#10;MyN10Kxdx2kiJb7GdpuUZSuN+Ah+AbHme/IjXDt9aWCF2Dj35fs45zrj66YqyUZoU4BM6KDXp0RI&#10;DmkhVwn9/Dh7854SY5lMWQlSJHQrDL2evH41rlUsQsihTIUmmESauFYJza1VcRAYnouKmR4oIdGZ&#10;ga6YRVWvglSzGrNXZRD2+6OgBp0qDVwYg9bbzkknPn+WCW7vs8wIS8qEYm/Wn9qfS3cGkzGLV5qp&#10;vOCHNtg/dFGxQmLRU6pbZhlZ6+KPVFXBNRjIbI9DFUCWFVz4GXCaQf/FNIucKeFnQXCMOsFk/l9a&#10;frd50KRIExpRIlmFFLX753b3o939avffSLv/3u737e4n6iRycNXKxHhrofCebT5Ag7Qf7QaNDoUm&#10;05X74nwE/Qj89gS2aCzhaAxHV4PhcEAJR190FYVh6NIE59tKG/tRQEWckFCNZHqM2WZubBd6DHHF&#10;JMyKsvSElpLUCR29jfr+wsmDyUuJNdwMXa9Oss2y8RD4BpxlCekWx9PQ7YtRfFZgD3Nm7APTuCA4&#10;ES69vccjKwFrwUGiJAf99W92F4+8oZeSGhcuoebLmmlBSflJIqMODbehXhlG70JU9KVneemR6+oG&#10;cKcRP+zOiy7elkcx01A94duYuqroYpJj7YTao3hju2eAb4uL6dQH4U4qZudyobhL7VB1CD82T0yr&#10;Aw0WCbyD42qy+AUbXWzHx3RtISs8VWdUD/DjPnuyD2/PPZhL3Ued/xCT3wAAAP//AwBQSwMEFAAG&#10;AAgAAAAhAB3hXSjhAAAACgEAAA8AAABkcnMvZG93bnJldi54bWxMj8FqwzAQRO+F/IPYQG+NbFGb&#10;4FoOwRAKpT0kzaU32VJsU2nlWkri9uu7PTXHZR8zb8rN7Cy7mCkMHiWkqwSYwdbrATsJx/fdwxpY&#10;iAq1sh6NhG8TYFMt7kpVaH/FvbkcYscoBEOhJPQxjgXnoe2NU2HlR4P0O/nJqUjn1HE9qSuFO8tF&#10;kuTcqQGpoVejqXvTfh7OTsJLvXtT+0a49Y+tn19P2/Hr+JFJeb+ct0/AopnjPwx/+qQOFTk1/ow6&#10;MCtBPKaCUAl5mgEjIM8zGtcQmWUCeFXy2wnVLwAAAP//AwBQSwECLQAUAAYACAAAACEAtoM4kv4A&#10;AADhAQAAEwAAAAAAAAAAAAAAAAAAAAAAW0NvbnRlbnRfVHlwZXNdLnhtbFBLAQItABQABgAIAAAA&#10;IQA4/SH/1gAAAJQBAAALAAAAAAAAAAAAAAAAAC8BAABfcmVscy8ucmVsc1BLAQItABQABgAIAAAA&#10;IQCeho11TAIAAGkEAAAOAAAAAAAAAAAAAAAAAC4CAABkcnMvZTJvRG9jLnhtbFBLAQItABQABgAI&#10;AAAAIQAd4V0o4QAAAAoBAAAPAAAAAAAAAAAAAAAAAKYEAABkcnMvZG93bnJldi54bWxQSwUGAAAA&#10;AAQABADzAAAAtAUAAAAA&#10;" filled="f" stroked="f" strokeweight=".5pt">
                <v:textbox>
                  <w:txbxContent>
                    <w:p w:rsidR="003D2A55" w:rsidRPr="00683535" w:rsidRDefault="003D2A55" w:rsidP="005F03DE">
                      <w:pPr>
                        <w:rPr>
                          <w:rFonts w:ascii="ＭＳ Ｐゴシック" w:eastAsia="ＭＳ Ｐゴシック" w:hAnsi="ＭＳ Ｐゴシック"/>
                          <w:b/>
                          <w:sz w:val="44"/>
                          <w:szCs w:val="44"/>
                        </w:rPr>
                      </w:pPr>
                      <w:r w:rsidRPr="00683535">
                        <w:rPr>
                          <w:rFonts w:ascii="ＭＳ Ｐゴシック" w:eastAsia="ＭＳ Ｐゴシック" w:hAnsi="ＭＳ Ｐゴシック" w:hint="eastAsia"/>
                          <w:b/>
                          <w:sz w:val="44"/>
                          <w:szCs w:val="44"/>
                        </w:rPr>
                        <w:t>ときめき</w:t>
                      </w:r>
                      <w:r w:rsidR="005F03DE" w:rsidRPr="00683535">
                        <w:rPr>
                          <w:rFonts w:ascii="ＭＳ Ｐゴシック" w:eastAsia="ＭＳ Ｐゴシック" w:hAnsi="ＭＳ Ｐゴシック" w:hint="eastAsia"/>
                          <w:b/>
                          <w:sz w:val="44"/>
                          <w:szCs w:val="44"/>
                        </w:rPr>
                        <w:t xml:space="preserve"> ひらめき</w:t>
                      </w:r>
                    </w:p>
                  </w:txbxContent>
                </v:textbox>
                <w10:wrap anchorx="margin"/>
              </v:shape>
            </w:pict>
          </mc:Fallback>
        </mc:AlternateContent>
      </w:r>
      <w:r w:rsidR="005F03DE">
        <w:rPr>
          <w:noProof/>
        </w:rPr>
        <mc:AlternateContent>
          <mc:Choice Requires="wps">
            <w:drawing>
              <wp:anchor distT="0" distB="0" distL="114300" distR="114300" simplePos="0" relativeHeight="251659264" behindDoc="0" locked="0" layoutInCell="1" allowOverlap="1" wp14:anchorId="386DBB10" wp14:editId="64AE2BBA">
                <wp:simplePos x="0" y="0"/>
                <wp:positionH relativeFrom="column">
                  <wp:posOffset>1293303</wp:posOffset>
                </wp:positionH>
                <wp:positionV relativeFrom="paragraph">
                  <wp:posOffset>197857</wp:posOffset>
                </wp:positionV>
                <wp:extent cx="2497541" cy="336431"/>
                <wp:effectExtent l="0" t="0" r="0" b="6985"/>
                <wp:wrapNone/>
                <wp:docPr id="4" name="テキスト ボックス 4"/>
                <wp:cNvGraphicFramePr/>
                <a:graphic xmlns:a="http://schemas.openxmlformats.org/drawingml/2006/main">
                  <a:graphicData uri="http://schemas.microsoft.com/office/word/2010/wordprocessingShape">
                    <wps:wsp>
                      <wps:cNvSpPr txBox="1"/>
                      <wps:spPr>
                        <a:xfrm>
                          <a:off x="0" y="0"/>
                          <a:ext cx="2497541" cy="336431"/>
                        </a:xfrm>
                        <a:prstGeom prst="rect">
                          <a:avLst/>
                        </a:prstGeom>
                        <a:noFill/>
                        <a:ln w="6350">
                          <a:noFill/>
                        </a:ln>
                      </wps:spPr>
                      <wps:txbx>
                        <w:txbxContent>
                          <w:p w14:paraId="419FB422" w14:textId="77777777" w:rsidR="003D2A55" w:rsidRPr="00683535" w:rsidRDefault="003D2A55">
                            <w:pPr>
                              <w:rPr>
                                <w:rFonts w:ascii="ＭＳ Ｐゴシック" w:eastAsia="ＭＳ Ｐゴシック" w:hAnsi="ＭＳ Ｐゴシック"/>
                                <w:b/>
                                <w:sz w:val="20"/>
                                <w:szCs w:val="20"/>
                              </w:rPr>
                            </w:pPr>
                            <w:r w:rsidRPr="00683535">
                              <w:rPr>
                                <w:rFonts w:ascii="ＭＳ Ｐゴシック" w:eastAsia="ＭＳ Ｐゴシック" w:hAnsi="ＭＳ Ｐゴシック"/>
                                <w:b/>
                                <w:sz w:val="20"/>
                                <w:szCs w:val="20"/>
                              </w:rPr>
                              <w:t>伊丹市立幼児教育</w:t>
                            </w:r>
                            <w:r w:rsidRPr="00683535">
                              <w:rPr>
                                <w:rFonts w:ascii="ＭＳ Ｐゴシック" w:eastAsia="ＭＳ Ｐゴシック" w:hAnsi="ＭＳ Ｐゴシック" w:hint="eastAsia"/>
                                <w:b/>
                                <w:sz w:val="20"/>
                                <w:szCs w:val="20"/>
                              </w:rPr>
                              <w:t>センター通信</w:t>
                            </w:r>
                          </w:p>
                          <w:p w14:paraId="26CE603C" w14:textId="77777777" w:rsidR="003D2A55" w:rsidRDefault="003D2A55"/>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4" o:spid="_x0000_s1029" type="#_x0000_t202" style="position:absolute;left:0;text-align:left;margin-left:101.85pt;margin-top:15.6pt;width:196.65pt;height:26.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Yi7pUAIAAGkEAAAOAAAAZHJzL2Uyb0RvYy54bWysVEtu2zAQ3RfoHQjua/kjO41gOXATuChg&#10;JAGcImuaoiwBEoclaUvuMgaCHqJXKLrueXSRDinLMdKuim6o4fznvaGmV3VZkJ3QJgcZ00GvT4mQ&#10;HJJcbmL6+WHx7j0lxjKZsAKkiOleGHo1e/tmWqlIDCGDIhGaYBJpokrFNLNWRUFgeCZKZnqghERj&#10;CrpkFq96EySaVZi9LIJhvz8JKtCJ0sCFMai9aY105vOnqeD2Lk2NsKSIKfZm/an9uXZnMJuyaKOZ&#10;ynJ+bIP9QxclyyUWPaW6YZaRrc7/SFXmXIOB1PY4lAGkac6FnwGnGfRfTbPKmBJ+FgTHqBNM5v+l&#10;5be7e03yJKYhJZKVSFFzeG6efjRPv5rDN9IcvjeHQ/P0E+8kdHBVykQYtVIYZ+sPUCPtnd6g0qFQ&#10;p7p0X5yPoB2B35/AFrUlHJXD8PJiHA4o4WgbjSbhyKcJXqKVNvajgJI4IaYayfQYs93SWOwEXTsX&#10;V0zCIi8KT2ghSRXTyWjc9wEnC0YUEgPdDG2vTrL1uvYQjLo51pDscTwN7b4YxRc59rBkxt4zjQuC&#10;E+HS2zs80gKwFhwlSjLQX/+md/7IG1opqXDhYmq+bJkWlBSfJDJ6OQhDt6H+Eo4vhnjR55b1uUVu&#10;y2vAnUb8sDsvOn9bdGKqoXzEtzF3VdHEJMfaMbWdeG3bZ4Bvi4v53DvhTipml3KluEvtUHUIP9SP&#10;TKsjDRYJvIVuNVn0io3Wt+VjvrWQ5p4qh3OL6hF+3GfP4PHtuQdzfvdeL3+I2W8AAAD//wMAUEsD&#10;BBQABgAIAAAAIQBK8DOM4gAAAAkBAAAPAAAAZHJzL2Rvd25yZXYueG1sTI9NT8JAFEX3Jv6HyTNx&#10;J1MGkVL6SkgTYmJkAbJxN+0MbeN81M4A1V/vc6XLl3dy77n5erSGXfQQOu8QppMEmHa1V51rEI5v&#10;24cUWIjSKWm80whfOsC6uL3JZab81e315RAbRiEuZBKhjbHPOA91q60ME99rR7+TH6yMdA4NV4O8&#10;Urg1XCTJE7eyc9TQyl6Xra4/DmeL8FJud3JfCZt+m/L59bTpP4/vc8T7u3GzAhb1GP9g+NUndSjI&#10;qfJnpwIzCCKZLQhFmE0FMALmywWNqxDSRwG8yPn/BcUPAAAA//8DAFBLAQItABQABgAIAAAAIQC2&#10;gziS/gAAAOEBAAATAAAAAAAAAAAAAAAAAAAAAABbQ29udGVudF9UeXBlc10ueG1sUEsBAi0AFAAG&#10;AAgAAAAhADj9If/WAAAAlAEAAAsAAAAAAAAAAAAAAAAALwEAAF9yZWxzLy5yZWxzUEsBAi0AFAAG&#10;AAgAAAAhAPJiLulQAgAAaQQAAA4AAAAAAAAAAAAAAAAALgIAAGRycy9lMm9Eb2MueG1sUEsBAi0A&#10;FAAGAAgAAAAhAErwM4ziAAAACQEAAA8AAAAAAAAAAAAAAAAAqgQAAGRycy9kb3ducmV2LnhtbFBL&#10;BQYAAAAABAAEAPMAAAC5BQAAAAA=&#10;" filled="f" stroked="f" strokeweight=".5pt">
                <v:textbox>
                  <w:txbxContent>
                    <w:p w:rsidR="003D2A55" w:rsidRPr="00683535" w:rsidRDefault="003D2A55">
                      <w:pPr>
                        <w:rPr>
                          <w:rFonts w:ascii="ＭＳ Ｐゴシック" w:eastAsia="ＭＳ Ｐゴシック" w:hAnsi="ＭＳ Ｐゴシック"/>
                          <w:b/>
                          <w:sz w:val="20"/>
                          <w:szCs w:val="20"/>
                        </w:rPr>
                      </w:pPr>
                      <w:r w:rsidRPr="00683535">
                        <w:rPr>
                          <w:rFonts w:ascii="ＭＳ Ｐゴシック" w:eastAsia="ＭＳ Ｐゴシック" w:hAnsi="ＭＳ Ｐゴシック"/>
                          <w:b/>
                          <w:sz w:val="20"/>
                          <w:szCs w:val="20"/>
                        </w:rPr>
                        <w:t>伊丹市立幼児教育</w:t>
                      </w:r>
                      <w:r w:rsidRPr="00683535">
                        <w:rPr>
                          <w:rFonts w:ascii="ＭＳ Ｐゴシック" w:eastAsia="ＭＳ Ｐゴシック" w:hAnsi="ＭＳ Ｐゴシック" w:hint="eastAsia"/>
                          <w:b/>
                          <w:sz w:val="20"/>
                          <w:szCs w:val="20"/>
                        </w:rPr>
                        <w:t>センター通信</w:t>
                      </w:r>
                    </w:p>
                    <w:p w:rsidR="003D2A55" w:rsidRDefault="003D2A55"/>
                  </w:txbxContent>
                </v:textbox>
              </v:shape>
            </w:pict>
          </mc:Fallback>
        </mc:AlternateContent>
      </w:r>
      <w:r w:rsidR="005F03DE">
        <w:rPr>
          <w:noProof/>
        </w:rPr>
        <w:drawing>
          <wp:inline distT="0" distB="0" distL="0" distR="0" wp14:anchorId="08D07363" wp14:editId="3FE75742">
            <wp:extent cx="817808" cy="835937"/>
            <wp:effectExtent l="0" t="0" r="1905" b="2540"/>
            <wp:docPr id="7"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図 6"/>
                    <pic:cNvPicPr>
                      <a:picLocks noChangeAspect="1"/>
                    </pic:cNvPicPr>
                  </pic:nvPicPr>
                  <pic:blipFill>
                    <a:blip r:embed="rId7" cstate="print">
                      <a:extLst>
                        <a:ext uri="{28A0092B-C50C-407E-A947-70E740481C1C}">
                          <a14:useLocalDpi xmlns:a14="http://schemas.microsoft.com/office/drawing/2010/main" val="0"/>
                        </a:ext>
                      </a:extLst>
                    </a:blip>
                    <a:stretch>
                      <a:fillRect/>
                    </a:stretch>
                  </pic:blipFill>
                  <pic:spPr>
                    <a:xfrm>
                      <a:off x="0" y="0"/>
                      <a:ext cx="827017" cy="845350"/>
                    </a:xfrm>
                    <a:prstGeom prst="rect">
                      <a:avLst/>
                    </a:prstGeom>
                  </pic:spPr>
                </pic:pic>
              </a:graphicData>
            </a:graphic>
          </wp:inline>
        </w:drawing>
      </w:r>
      <w:r w:rsidR="003D2A55" w:rsidRPr="00175743">
        <w:rPr>
          <w:noProof/>
        </w:rPr>
        <w:drawing>
          <wp:inline distT="0" distB="0" distL="0" distR="0" wp14:anchorId="290B64F5" wp14:editId="352CC6A6">
            <wp:extent cx="3813510" cy="974785"/>
            <wp:effectExtent l="0" t="0" r="0" b="0"/>
            <wp:docPr id="3" name="図 3" descr="C:\Users\s005102\Desktop\イラストコレクション\illust\03\3-33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5102\Desktop\イラストコレクション\illust\03\3-338.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147174" cy="1060074"/>
                    </a:xfrm>
                    <a:prstGeom prst="rect">
                      <a:avLst/>
                    </a:prstGeom>
                    <a:noFill/>
                    <a:ln>
                      <a:noFill/>
                    </a:ln>
                  </pic:spPr>
                </pic:pic>
              </a:graphicData>
            </a:graphic>
          </wp:inline>
        </w:drawing>
      </w:r>
    </w:p>
    <w:p w14:paraId="7273F0C5" w14:textId="77777777" w:rsidR="00091E21" w:rsidRPr="00524E42" w:rsidRDefault="0044066D" w:rsidP="006C7859">
      <w:pPr>
        <w:spacing w:before="240" w:line="300" w:lineRule="exact"/>
        <w:rPr>
          <w:rFonts w:ascii="BIZ UDPゴシック" w:eastAsia="BIZ UDPゴシック" w:hAnsi="BIZ UDPゴシック"/>
          <w:b/>
          <w:sz w:val="28"/>
          <w:szCs w:val="28"/>
          <w:u w:val="single"/>
        </w:rPr>
      </w:pPr>
      <w:r w:rsidRPr="00524E42">
        <w:rPr>
          <w:rFonts w:ascii="BIZ UDPゴシック" w:eastAsia="BIZ UDPゴシック" w:hAnsi="BIZ UDPゴシック" w:hint="eastAsia"/>
          <w:b/>
          <w:sz w:val="28"/>
          <w:szCs w:val="28"/>
          <w:u w:val="single"/>
        </w:rPr>
        <w:t>★</w:t>
      </w:r>
      <w:r w:rsidR="006E7830">
        <w:rPr>
          <w:rFonts w:ascii="BIZ UDPゴシック" w:eastAsia="BIZ UDPゴシック" w:hAnsi="BIZ UDPゴシック" w:hint="eastAsia"/>
          <w:b/>
          <w:sz w:val="28"/>
          <w:szCs w:val="28"/>
          <w:u w:val="single"/>
        </w:rPr>
        <w:t>小学校の音楽会を参観して～架け橋期に大切にしたいこと～</w:t>
      </w:r>
    </w:p>
    <w:p w14:paraId="64E8B52B" w14:textId="77777777" w:rsidR="00E009C2" w:rsidRDefault="006E7830" w:rsidP="00CA1C0B">
      <w:pPr>
        <w:spacing w:line="276" w:lineRule="auto"/>
        <w:ind w:firstLineChars="100" w:firstLine="240"/>
        <w:rPr>
          <w:rFonts w:ascii="BIZ UDPゴシック" w:eastAsia="BIZ UDPゴシック" w:hAnsi="BIZ UDPゴシック"/>
          <w:sz w:val="24"/>
          <w:szCs w:val="24"/>
        </w:rPr>
      </w:pPr>
      <w:r>
        <w:rPr>
          <w:rFonts w:ascii="BIZ UDPゴシック" w:eastAsia="BIZ UDPゴシック" w:hAnsi="BIZ UDPゴシック" w:hint="eastAsia"/>
          <w:sz w:val="24"/>
          <w:szCs w:val="24"/>
        </w:rPr>
        <w:t>先日、市内</w:t>
      </w:r>
      <w:r w:rsidR="00E009C2">
        <w:rPr>
          <w:rFonts w:ascii="BIZ UDPゴシック" w:eastAsia="BIZ UDPゴシック" w:hAnsi="BIZ UDPゴシック" w:hint="eastAsia"/>
          <w:sz w:val="24"/>
          <w:szCs w:val="24"/>
        </w:rPr>
        <w:t>のある</w:t>
      </w:r>
      <w:r>
        <w:rPr>
          <w:rFonts w:ascii="BIZ UDPゴシック" w:eastAsia="BIZ UDPゴシック" w:hAnsi="BIZ UDPゴシック" w:hint="eastAsia"/>
          <w:sz w:val="24"/>
          <w:szCs w:val="24"/>
        </w:rPr>
        <w:t>小学校を訪問し、音楽会(児童鑑賞会)を参観しました。1年生は歌3曲、合奏を</w:t>
      </w:r>
      <w:r>
        <w:rPr>
          <w:rFonts w:ascii="BIZ UDPゴシック" w:eastAsia="BIZ UDPゴシック" w:hAnsi="BIZ UDPゴシック"/>
          <w:sz w:val="24"/>
          <w:szCs w:val="24"/>
        </w:rPr>
        <w:t>1</w:t>
      </w:r>
      <w:r>
        <w:rPr>
          <w:rFonts w:ascii="BIZ UDPゴシック" w:eastAsia="BIZ UDPゴシック" w:hAnsi="BIZ UDPゴシック" w:hint="eastAsia"/>
          <w:sz w:val="24"/>
          <w:szCs w:val="24"/>
        </w:rPr>
        <w:t>曲</w:t>
      </w:r>
      <w:r w:rsidR="00EC1527">
        <w:rPr>
          <w:rFonts w:ascii="BIZ UDPゴシック" w:eastAsia="BIZ UDPゴシック" w:hAnsi="BIZ UDPゴシック" w:hint="eastAsia"/>
          <w:sz w:val="24"/>
          <w:szCs w:val="24"/>
        </w:rPr>
        <w:t>演奏していたのですが、</w:t>
      </w:r>
      <w:r w:rsidR="00E009C2">
        <w:rPr>
          <w:rFonts w:ascii="BIZ UDPゴシック" w:eastAsia="BIZ UDPゴシック" w:hAnsi="BIZ UDPゴシック" w:hint="eastAsia"/>
          <w:sz w:val="24"/>
          <w:szCs w:val="24"/>
        </w:rPr>
        <w:t>歌の</w:t>
      </w:r>
      <w:r w:rsidR="00EC1527">
        <w:rPr>
          <w:rFonts w:ascii="BIZ UDPゴシック" w:eastAsia="BIZ UDPゴシック" w:hAnsi="BIZ UDPゴシック"/>
          <w:sz w:val="24"/>
          <w:szCs w:val="24"/>
        </w:rPr>
        <w:t>1</w:t>
      </w:r>
      <w:r w:rsidR="00EC1527">
        <w:rPr>
          <w:rFonts w:ascii="BIZ UDPゴシック" w:eastAsia="BIZ UDPゴシック" w:hAnsi="BIZ UDPゴシック" w:hint="eastAsia"/>
          <w:sz w:val="24"/>
          <w:szCs w:val="24"/>
        </w:rPr>
        <w:t>曲が、</w:t>
      </w:r>
      <w:r w:rsidR="00E009C2" w:rsidRPr="00E009C2">
        <w:rPr>
          <w:rFonts w:ascii="BIZ UDPゴシック" w:eastAsia="BIZ UDPゴシック" w:hAnsi="BIZ UDPゴシック" w:hint="eastAsia"/>
          <w:sz w:val="24"/>
          <w:szCs w:val="24"/>
        </w:rPr>
        <w:t>ご存じの方も多いと思います</w:t>
      </w:r>
      <w:r w:rsidR="00E009C2">
        <w:rPr>
          <w:rFonts w:ascii="BIZ UDPゴシック" w:eastAsia="BIZ UDPゴシック" w:hAnsi="BIZ UDPゴシック" w:hint="eastAsia"/>
          <w:sz w:val="24"/>
          <w:szCs w:val="24"/>
        </w:rPr>
        <w:t>、</w:t>
      </w:r>
      <w:r w:rsidR="00EC1527">
        <w:rPr>
          <w:rFonts w:ascii="BIZ UDPゴシック" w:eastAsia="BIZ UDPゴシック" w:hAnsi="BIZ UDPゴシック" w:hint="eastAsia"/>
          <w:sz w:val="24"/>
          <w:szCs w:val="24"/>
        </w:rPr>
        <w:t>私自身保育で取り入れたこともある</w:t>
      </w:r>
      <w:r>
        <w:rPr>
          <w:rFonts w:ascii="BIZ UDPゴシック" w:eastAsia="BIZ UDPゴシック" w:hAnsi="BIZ UDPゴシック" w:hint="eastAsia"/>
          <w:sz w:val="24"/>
          <w:szCs w:val="24"/>
        </w:rPr>
        <w:t>「あおいそらにえをかこう」</w:t>
      </w:r>
      <w:r w:rsidR="00E009C2">
        <w:rPr>
          <w:rFonts w:ascii="BIZ UDPゴシック" w:eastAsia="BIZ UDPゴシック" w:hAnsi="BIZ UDPゴシック" w:hint="eastAsia"/>
          <w:sz w:val="24"/>
          <w:szCs w:val="24"/>
        </w:rPr>
        <w:t>でした。</w:t>
      </w:r>
      <w:r>
        <w:rPr>
          <w:rFonts w:ascii="BIZ UDPゴシック" w:eastAsia="BIZ UDPゴシック" w:hAnsi="BIZ UDPゴシック" w:hint="eastAsia"/>
          <w:sz w:val="24"/>
          <w:szCs w:val="24"/>
        </w:rPr>
        <w:t>ただ、</w:t>
      </w:r>
      <w:r w:rsidR="00EC1527">
        <w:rPr>
          <w:rFonts w:ascii="BIZ UDPゴシック" w:eastAsia="BIZ UDPゴシック" w:hAnsi="BIZ UDPゴシック" w:hint="eastAsia"/>
          <w:sz w:val="24"/>
          <w:szCs w:val="24"/>
        </w:rPr>
        <w:t>1年生</w:t>
      </w:r>
      <w:r>
        <w:rPr>
          <w:rFonts w:ascii="BIZ UDPゴシック" w:eastAsia="BIZ UDPゴシック" w:hAnsi="BIZ UDPゴシック" w:hint="eastAsia"/>
          <w:sz w:val="24"/>
          <w:szCs w:val="24"/>
        </w:rPr>
        <w:t>は曲想にあわせて強弱をしっかりとつけたり、</w:t>
      </w:r>
      <w:r w:rsidR="000F4CD9">
        <w:rPr>
          <w:rFonts w:ascii="BIZ UDPゴシック" w:eastAsia="BIZ UDPゴシック" w:hAnsi="BIZ UDPゴシック" w:hint="eastAsia"/>
          <w:sz w:val="24"/>
          <w:szCs w:val="24"/>
        </w:rPr>
        <w:t>学年全員</w:t>
      </w:r>
      <w:r>
        <w:rPr>
          <w:rFonts w:ascii="BIZ UDPゴシック" w:eastAsia="BIZ UDPゴシック" w:hAnsi="BIZ UDPゴシック" w:hint="eastAsia"/>
          <w:sz w:val="24"/>
          <w:szCs w:val="24"/>
        </w:rPr>
        <w:t>で</w:t>
      </w:r>
      <w:r w:rsidR="00EC1527">
        <w:rPr>
          <w:rFonts w:ascii="BIZ UDPゴシック" w:eastAsia="BIZ UDPゴシック" w:hAnsi="BIZ UDPゴシック" w:hint="eastAsia"/>
          <w:sz w:val="24"/>
          <w:szCs w:val="24"/>
        </w:rPr>
        <w:t>声を美しく</w:t>
      </w:r>
      <w:r>
        <w:rPr>
          <w:rFonts w:ascii="BIZ UDPゴシック" w:eastAsia="BIZ UDPゴシック" w:hAnsi="BIZ UDPゴシック" w:hint="eastAsia"/>
          <w:sz w:val="24"/>
          <w:szCs w:val="24"/>
        </w:rPr>
        <w:t>そろえることを</w:t>
      </w:r>
      <w:r w:rsidR="005A13DE">
        <w:rPr>
          <w:rFonts w:ascii="BIZ UDPゴシック" w:eastAsia="BIZ UDPゴシック" w:hAnsi="BIZ UDPゴシック" w:hint="eastAsia"/>
          <w:sz w:val="24"/>
          <w:szCs w:val="24"/>
        </w:rPr>
        <w:t>意識して歌って</w:t>
      </w:r>
      <w:r w:rsidR="00EC1527">
        <w:rPr>
          <w:rFonts w:ascii="BIZ UDPゴシック" w:eastAsia="BIZ UDPゴシック" w:hAnsi="BIZ UDPゴシック" w:hint="eastAsia"/>
          <w:sz w:val="24"/>
          <w:szCs w:val="24"/>
        </w:rPr>
        <w:t>いま</w:t>
      </w:r>
      <w:r w:rsidR="005A13DE">
        <w:rPr>
          <w:rFonts w:ascii="BIZ UDPゴシック" w:eastAsia="BIZ UDPゴシック" w:hAnsi="BIZ UDPゴシック" w:hint="eastAsia"/>
          <w:sz w:val="24"/>
          <w:szCs w:val="24"/>
        </w:rPr>
        <w:t>した。</w:t>
      </w:r>
      <w:r w:rsidR="00E009C2">
        <w:rPr>
          <w:rFonts w:ascii="BIZ UDPゴシック" w:eastAsia="BIZ UDPゴシック" w:hAnsi="BIZ UDPゴシック" w:hint="eastAsia"/>
          <w:sz w:val="24"/>
          <w:szCs w:val="24"/>
        </w:rPr>
        <w:t>同じ歌でも、</w:t>
      </w:r>
      <w:r w:rsidR="005A13DE">
        <w:rPr>
          <w:rFonts w:ascii="BIZ UDPゴシック" w:eastAsia="BIZ UDPゴシック" w:hAnsi="BIZ UDPゴシック" w:hint="eastAsia"/>
          <w:sz w:val="24"/>
          <w:szCs w:val="24"/>
        </w:rPr>
        <w:t>ねらい・内容</w:t>
      </w:r>
      <w:r w:rsidR="00E009C2">
        <w:rPr>
          <w:rFonts w:ascii="BIZ UDPゴシック" w:eastAsia="BIZ UDPゴシック" w:hAnsi="BIZ UDPゴシック" w:hint="eastAsia"/>
          <w:sz w:val="24"/>
          <w:szCs w:val="24"/>
        </w:rPr>
        <w:t>が</w:t>
      </w:r>
      <w:r w:rsidR="005A13DE">
        <w:rPr>
          <w:rFonts w:ascii="BIZ UDPゴシック" w:eastAsia="BIZ UDPゴシック" w:hAnsi="BIZ UDPゴシック" w:hint="eastAsia"/>
          <w:sz w:val="24"/>
          <w:szCs w:val="24"/>
        </w:rPr>
        <w:t>「音楽に親しむ、歌う楽しさを味わう」</w:t>
      </w:r>
      <w:r w:rsidR="006C4A99">
        <w:rPr>
          <w:rFonts w:ascii="BIZ UDPゴシック" w:eastAsia="BIZ UDPゴシック" w:hAnsi="BIZ UDPゴシック" w:hint="eastAsia"/>
          <w:sz w:val="24"/>
          <w:szCs w:val="24"/>
        </w:rPr>
        <w:t>という</w:t>
      </w:r>
      <w:r w:rsidR="00E009C2">
        <w:rPr>
          <w:rFonts w:ascii="BIZ UDPゴシック" w:eastAsia="BIZ UDPゴシック" w:hAnsi="BIZ UDPゴシック" w:hint="eastAsia"/>
          <w:sz w:val="24"/>
          <w:szCs w:val="24"/>
        </w:rPr>
        <w:t>「</w:t>
      </w:r>
      <w:r w:rsidR="005A13DE">
        <w:rPr>
          <w:rFonts w:ascii="BIZ UDPゴシック" w:eastAsia="BIZ UDPゴシック" w:hAnsi="BIZ UDPゴシック" w:hint="eastAsia"/>
          <w:sz w:val="24"/>
          <w:szCs w:val="24"/>
        </w:rPr>
        <w:t>遊びが学び</w:t>
      </w:r>
      <w:r w:rsidR="00E009C2">
        <w:rPr>
          <w:rFonts w:ascii="BIZ UDPゴシック" w:eastAsia="BIZ UDPゴシック" w:hAnsi="BIZ UDPゴシック" w:hint="eastAsia"/>
          <w:sz w:val="24"/>
          <w:szCs w:val="24"/>
        </w:rPr>
        <w:t>」</w:t>
      </w:r>
      <w:r w:rsidR="005A13DE">
        <w:rPr>
          <w:rFonts w:ascii="BIZ UDPゴシック" w:eastAsia="BIZ UDPゴシック" w:hAnsi="BIZ UDPゴシック" w:hint="eastAsia"/>
          <w:sz w:val="24"/>
          <w:szCs w:val="24"/>
        </w:rPr>
        <w:t>である幼児教育と、「音楽」という教科学習である小学校との違いを感じました。</w:t>
      </w:r>
    </w:p>
    <w:p w14:paraId="4E7B1959" w14:textId="77777777" w:rsidR="00E009C2" w:rsidRDefault="000F4CD9" w:rsidP="00CA1C0B">
      <w:pPr>
        <w:spacing w:line="276" w:lineRule="auto"/>
        <w:ind w:firstLineChars="100" w:firstLine="240"/>
        <w:rPr>
          <w:rFonts w:ascii="BIZ UDPゴシック" w:eastAsia="BIZ UDPゴシック" w:hAnsi="BIZ UDPゴシック"/>
          <w:sz w:val="24"/>
          <w:szCs w:val="24"/>
        </w:rPr>
      </w:pPr>
      <w:r>
        <w:rPr>
          <w:rFonts w:ascii="BIZ UDPゴシック" w:eastAsia="BIZ UDPゴシック" w:hAnsi="BIZ UDPゴシック" w:hint="eastAsia"/>
          <w:sz w:val="24"/>
          <w:szCs w:val="24"/>
        </w:rPr>
        <w:t>ほとんどの5歳児が、就学したら就学前よりも大規模な集団で過ごすことになります。</w:t>
      </w:r>
      <w:r w:rsidR="00E009C2">
        <w:rPr>
          <w:rFonts w:ascii="BIZ UDPゴシック" w:eastAsia="BIZ UDPゴシック" w:hAnsi="BIZ UDPゴシック" w:hint="eastAsia"/>
          <w:sz w:val="24"/>
          <w:szCs w:val="24"/>
        </w:rPr>
        <w:t>1年生になってから</w:t>
      </w:r>
      <w:r w:rsidR="006C4A99">
        <w:rPr>
          <w:rFonts w:ascii="BIZ UDPゴシック" w:eastAsia="BIZ UDPゴシック" w:hAnsi="BIZ UDPゴシック" w:hint="eastAsia"/>
          <w:sz w:val="24"/>
          <w:szCs w:val="24"/>
        </w:rPr>
        <w:t>、大きな集団で</w:t>
      </w:r>
      <w:r w:rsidR="000D7A67">
        <w:rPr>
          <w:rFonts w:ascii="BIZ UDPゴシック" w:eastAsia="BIZ UDPゴシック" w:hAnsi="BIZ UDPゴシック" w:hint="eastAsia"/>
          <w:sz w:val="24"/>
          <w:szCs w:val="24"/>
        </w:rPr>
        <w:t>このような学習</w:t>
      </w:r>
      <w:r w:rsidR="006C4A99">
        <w:rPr>
          <w:rFonts w:ascii="BIZ UDPゴシック" w:eastAsia="BIZ UDPゴシック" w:hAnsi="BIZ UDPゴシック" w:hint="eastAsia"/>
          <w:sz w:val="24"/>
          <w:szCs w:val="24"/>
        </w:rPr>
        <w:t>(音楽会に向けての授業)</w:t>
      </w:r>
      <w:r w:rsidR="00E009C2">
        <w:rPr>
          <w:rFonts w:ascii="BIZ UDPゴシック" w:eastAsia="BIZ UDPゴシック" w:hAnsi="BIZ UDPゴシック" w:hint="eastAsia"/>
          <w:sz w:val="24"/>
          <w:szCs w:val="24"/>
        </w:rPr>
        <w:t>を「楽しい</w:t>
      </w:r>
      <w:r w:rsidR="000D7A67" w:rsidRPr="000D7A67">
        <w:rPr>
          <w:rFonts w:ascii="BIZ UDPゴシック" w:eastAsia="BIZ UDPゴシック" w:hAnsi="BIZ UDPゴシック" w:hint="eastAsia"/>
          <w:sz w:val="24"/>
          <w:szCs w:val="24"/>
        </w:rPr>
        <w:t>、やってみたい</w:t>
      </w:r>
      <w:r w:rsidR="000D7A67">
        <w:rPr>
          <w:rFonts w:ascii="BIZ UDPゴシック" w:eastAsia="BIZ UDPゴシック" w:hAnsi="BIZ UDPゴシック" w:hint="eastAsia"/>
          <w:sz w:val="24"/>
          <w:szCs w:val="24"/>
        </w:rPr>
        <w:t>、</w:t>
      </w:r>
      <w:r w:rsidR="00E009C2">
        <w:rPr>
          <w:rFonts w:ascii="BIZ UDPゴシック" w:eastAsia="BIZ UDPゴシック" w:hAnsi="BIZ UDPゴシック" w:hint="eastAsia"/>
          <w:sz w:val="24"/>
          <w:szCs w:val="24"/>
        </w:rPr>
        <w:t>おもしろそう</w:t>
      </w:r>
      <w:r w:rsidR="000D7A67" w:rsidRPr="000D7A67">
        <w:rPr>
          <w:rFonts w:ascii="BIZ UDPゴシック" w:eastAsia="BIZ UDPゴシック" w:hAnsi="BIZ UDPゴシック" w:hint="eastAsia"/>
          <w:sz w:val="24"/>
          <w:szCs w:val="24"/>
        </w:rPr>
        <w:t>」と</w:t>
      </w:r>
      <w:r w:rsidR="006C4A99">
        <w:rPr>
          <w:rFonts w:ascii="BIZ UDPゴシック" w:eastAsia="BIZ UDPゴシック" w:hAnsi="BIZ UDPゴシック" w:hint="eastAsia"/>
          <w:sz w:val="24"/>
          <w:szCs w:val="24"/>
        </w:rPr>
        <w:t>子ども自身が</w:t>
      </w:r>
      <w:r w:rsidR="000D7A67" w:rsidRPr="000D7A67">
        <w:rPr>
          <w:rFonts w:ascii="BIZ UDPゴシック" w:eastAsia="BIZ UDPゴシック" w:hAnsi="BIZ UDPゴシック" w:hint="eastAsia"/>
          <w:sz w:val="24"/>
          <w:szCs w:val="24"/>
        </w:rPr>
        <w:t>思えるためには、</w:t>
      </w:r>
      <w:r w:rsidR="00E009C2" w:rsidRPr="00E009C2">
        <w:rPr>
          <w:rFonts w:ascii="BIZ UDPゴシック" w:eastAsia="BIZ UDPゴシック" w:hAnsi="BIZ UDPゴシック" w:hint="eastAsia"/>
          <w:b/>
          <w:sz w:val="24"/>
          <w:szCs w:val="24"/>
        </w:rPr>
        <w:t>学校の</w:t>
      </w:r>
      <w:r w:rsidR="00E009C2">
        <w:rPr>
          <w:rFonts w:ascii="BIZ UDPゴシック" w:eastAsia="BIZ UDPゴシック" w:hAnsi="BIZ UDPゴシック" w:hint="eastAsia"/>
          <w:b/>
          <w:sz w:val="24"/>
          <w:szCs w:val="24"/>
        </w:rPr>
        <w:t>授業の</w:t>
      </w:r>
      <w:r w:rsidR="00E009C2" w:rsidRPr="00E009C2">
        <w:rPr>
          <w:rFonts w:ascii="BIZ UDPゴシック" w:eastAsia="BIZ UDPゴシック" w:hAnsi="BIZ UDPゴシック" w:hint="eastAsia"/>
          <w:b/>
          <w:sz w:val="24"/>
          <w:szCs w:val="24"/>
        </w:rPr>
        <w:t>先取りではなく、</w:t>
      </w:r>
      <w:r w:rsidR="000D7A67" w:rsidRPr="00E009C2">
        <w:rPr>
          <w:rFonts w:ascii="BIZ UDPゴシック" w:eastAsia="BIZ UDPゴシック" w:hAnsi="BIZ UDPゴシック" w:hint="eastAsia"/>
          <w:b/>
          <w:sz w:val="24"/>
          <w:szCs w:val="24"/>
        </w:rPr>
        <w:t>幼児期に「歌うって楽しい、楽器で遊ぶのって楽しい」</w:t>
      </w:r>
      <w:r w:rsidR="005A13DE" w:rsidRPr="00E009C2">
        <w:rPr>
          <w:rFonts w:ascii="BIZ UDPゴシック" w:eastAsia="BIZ UDPゴシック" w:hAnsi="BIZ UDPゴシック" w:hint="eastAsia"/>
          <w:b/>
          <w:sz w:val="24"/>
          <w:szCs w:val="24"/>
        </w:rPr>
        <w:t>「友達と一緒に</w:t>
      </w:r>
      <w:r w:rsidR="000D7A67" w:rsidRPr="00E009C2">
        <w:rPr>
          <w:rFonts w:ascii="BIZ UDPゴシック" w:eastAsia="BIZ UDPゴシック" w:hAnsi="BIZ UDPゴシック" w:hint="eastAsia"/>
          <w:b/>
          <w:sz w:val="24"/>
          <w:szCs w:val="24"/>
        </w:rPr>
        <w:t>、力や気持ちを合わせて</w:t>
      </w:r>
      <w:r w:rsidR="005A13DE" w:rsidRPr="00E009C2">
        <w:rPr>
          <w:rFonts w:ascii="BIZ UDPゴシック" w:eastAsia="BIZ UDPゴシック" w:hAnsi="BIZ UDPゴシック" w:hint="eastAsia"/>
          <w:b/>
          <w:sz w:val="24"/>
          <w:szCs w:val="24"/>
        </w:rPr>
        <w:t>何かをするって楽しい」</w:t>
      </w:r>
      <w:r w:rsidR="000D7A67" w:rsidRPr="00E009C2">
        <w:rPr>
          <w:rFonts w:ascii="BIZ UDPゴシック" w:eastAsia="BIZ UDPゴシック" w:hAnsi="BIZ UDPゴシック" w:hint="eastAsia"/>
          <w:b/>
          <w:sz w:val="24"/>
          <w:szCs w:val="24"/>
        </w:rPr>
        <w:t>という経験を重ねておくこと</w:t>
      </w:r>
      <w:r w:rsidR="00B040DF" w:rsidRPr="00B040DF">
        <w:rPr>
          <w:rFonts w:ascii="BIZ UDPゴシック" w:eastAsia="BIZ UDPゴシック" w:hAnsi="BIZ UDPゴシック" w:hint="eastAsia"/>
          <w:b/>
          <w:sz w:val="24"/>
          <w:szCs w:val="24"/>
        </w:rPr>
        <w:t>が大事</w:t>
      </w:r>
      <w:r w:rsidR="00B040DF">
        <w:rPr>
          <w:rFonts w:ascii="BIZ UDPゴシック" w:eastAsia="BIZ UDPゴシック" w:hAnsi="BIZ UDPゴシック" w:hint="eastAsia"/>
          <w:b/>
          <w:sz w:val="24"/>
          <w:szCs w:val="24"/>
        </w:rPr>
        <w:t xml:space="preserve"> </w:t>
      </w:r>
      <w:r w:rsidR="00D5352A">
        <w:rPr>
          <w:rFonts w:ascii="BIZ UDPゴシック" w:eastAsia="BIZ UDPゴシック" w:hAnsi="BIZ UDPゴシック" w:hint="eastAsia"/>
          <w:b/>
          <w:sz w:val="24"/>
          <w:szCs w:val="24"/>
        </w:rPr>
        <w:t>(下記参照)</w:t>
      </w:r>
      <w:r>
        <w:rPr>
          <w:rFonts w:ascii="BIZ UDPゴシック" w:eastAsia="BIZ UDPゴシック" w:hAnsi="BIZ UDPゴシック" w:hint="eastAsia"/>
          <w:b/>
          <w:sz w:val="24"/>
          <w:szCs w:val="24"/>
        </w:rPr>
        <w:t>で、</w:t>
      </w:r>
      <w:r w:rsidRPr="000F4CD9">
        <w:rPr>
          <w:rFonts w:ascii="BIZ UDPゴシック" w:eastAsia="BIZ UDPゴシック" w:hAnsi="BIZ UDPゴシック" w:hint="eastAsia"/>
          <w:sz w:val="24"/>
          <w:szCs w:val="24"/>
        </w:rPr>
        <w:t>そのような</w:t>
      </w:r>
      <w:r w:rsidR="00B040DF">
        <w:rPr>
          <w:rFonts w:ascii="BIZ UDPゴシック" w:eastAsia="BIZ UDPゴシック" w:hAnsi="BIZ UDPゴシック" w:hint="eastAsia"/>
          <w:sz w:val="24"/>
          <w:szCs w:val="24"/>
        </w:rPr>
        <w:t>学びの</w:t>
      </w:r>
      <w:r w:rsidRPr="000F4CD9">
        <w:rPr>
          <w:rFonts w:ascii="BIZ UDPゴシック" w:eastAsia="BIZ UDPゴシック" w:hAnsi="BIZ UDPゴシック" w:hint="eastAsia"/>
          <w:sz w:val="24"/>
          <w:szCs w:val="24"/>
        </w:rPr>
        <w:t>土台</w:t>
      </w:r>
      <w:r w:rsidR="00B040DF">
        <w:rPr>
          <w:rFonts w:ascii="BIZ UDPゴシック" w:eastAsia="BIZ UDPゴシック" w:hAnsi="BIZ UDPゴシック" w:hint="eastAsia"/>
          <w:sz w:val="24"/>
          <w:szCs w:val="24"/>
        </w:rPr>
        <w:t>を育むことの必要性を</w:t>
      </w:r>
      <w:r w:rsidR="000D7A67">
        <w:rPr>
          <w:rFonts w:ascii="BIZ UDPゴシック" w:eastAsia="BIZ UDPゴシック" w:hAnsi="BIZ UDPゴシック" w:hint="eastAsia"/>
          <w:sz w:val="24"/>
          <w:szCs w:val="24"/>
        </w:rPr>
        <w:t>改めて感じました。</w:t>
      </w:r>
      <w:r w:rsidR="00E56493">
        <w:rPr>
          <w:rFonts w:ascii="BIZ UDPゴシック" w:eastAsia="BIZ UDPゴシック" w:hAnsi="BIZ UDPゴシック" w:hint="eastAsia"/>
          <w:sz w:val="24"/>
          <w:szCs w:val="24"/>
        </w:rPr>
        <w:t xml:space="preserve">　　　　　　　　　　　　　　　　　　　　　　　　　　　　</w:t>
      </w:r>
      <w:r w:rsidR="006C4A99">
        <w:rPr>
          <w:rFonts w:ascii="BIZ UDPゴシック" w:eastAsia="BIZ UDPゴシック" w:hAnsi="BIZ UDPゴシック"/>
          <w:sz w:val="24"/>
          <w:szCs w:val="24"/>
        </w:rPr>
        <w:t>(</w:t>
      </w:r>
      <w:r w:rsidR="006C4A99">
        <w:rPr>
          <w:rFonts w:ascii="BIZ UDPゴシック" w:eastAsia="BIZ UDPゴシック" w:hAnsi="BIZ UDPゴシック" w:hint="eastAsia"/>
          <w:sz w:val="24"/>
          <w:szCs w:val="24"/>
        </w:rPr>
        <w:t>幼児教育センター長　岡本</w:t>
      </w:r>
      <w:r w:rsidR="006C4A99">
        <w:rPr>
          <w:rFonts w:ascii="BIZ UDPゴシック" w:eastAsia="BIZ UDPゴシック" w:hAnsi="BIZ UDPゴシック"/>
          <w:sz w:val="24"/>
          <w:szCs w:val="24"/>
        </w:rPr>
        <w:t>)</w:t>
      </w:r>
    </w:p>
    <w:p w14:paraId="6388464B" w14:textId="365D1D30" w:rsidR="004800F3" w:rsidRDefault="004800F3" w:rsidP="00CA1C0B">
      <w:pPr>
        <w:spacing w:line="276" w:lineRule="auto"/>
        <w:ind w:firstLineChars="100" w:firstLine="240"/>
        <w:rPr>
          <w:rFonts w:ascii="BIZ UDPゴシック" w:eastAsia="BIZ UDPゴシック" w:hAnsi="BIZ UDPゴシック"/>
          <w:sz w:val="24"/>
          <w:szCs w:val="24"/>
        </w:rPr>
      </w:pPr>
      <w:r>
        <w:rPr>
          <w:rFonts w:ascii="BIZ UDPゴシック" w:eastAsia="BIZ UDPゴシック" w:hAnsi="BIZ UDPゴシック" w:hint="eastAsia"/>
          <w:noProof/>
          <w:sz w:val="24"/>
          <w:szCs w:val="24"/>
        </w:rPr>
        <mc:AlternateContent>
          <mc:Choice Requires="wps">
            <w:drawing>
              <wp:anchor distT="0" distB="0" distL="114300" distR="114300" simplePos="0" relativeHeight="251800576" behindDoc="0" locked="0" layoutInCell="1" allowOverlap="1" wp14:anchorId="11CD9843" wp14:editId="2D358D89">
                <wp:simplePos x="0" y="0"/>
                <wp:positionH relativeFrom="column">
                  <wp:posOffset>-4446</wp:posOffset>
                </wp:positionH>
                <wp:positionV relativeFrom="paragraph">
                  <wp:posOffset>106680</wp:posOffset>
                </wp:positionV>
                <wp:extent cx="4371975" cy="1009499"/>
                <wp:effectExtent l="0" t="19050" r="28575" b="19685"/>
                <wp:wrapNone/>
                <wp:docPr id="16" name="横巻き 16"/>
                <wp:cNvGraphicFramePr/>
                <a:graphic xmlns:a="http://schemas.openxmlformats.org/drawingml/2006/main">
                  <a:graphicData uri="http://schemas.microsoft.com/office/word/2010/wordprocessingShape">
                    <wps:wsp>
                      <wps:cNvSpPr/>
                      <wps:spPr>
                        <a:xfrm>
                          <a:off x="0" y="0"/>
                          <a:ext cx="4371975" cy="1009499"/>
                        </a:xfrm>
                        <a:prstGeom prst="horizontalScroll">
                          <a:avLst/>
                        </a:prstGeom>
                        <a:solidFill>
                          <a:schemeClr val="accent6">
                            <a:lumMod val="40000"/>
                            <a:lumOff val="60000"/>
                          </a:schemeClr>
                        </a:solidFill>
                        <a:ln>
                          <a:solidFill>
                            <a:schemeClr val="accent6">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E2D3B3" w14:textId="77777777" w:rsidR="00BE2B88" w:rsidRDefault="005F18AA" w:rsidP="005F18AA">
                            <w:pPr>
                              <w:ind w:left="480" w:hangingChars="200" w:hanging="480"/>
                              <w:rPr>
                                <w:rFonts w:ascii="BIZ UDPゴシック" w:eastAsia="BIZ UDPゴシック" w:hAnsi="BIZ UDPゴシック"/>
                                <w:b/>
                                <w:color w:val="000000" w:themeColor="text1"/>
                                <w:sz w:val="24"/>
                                <w:szCs w:val="18"/>
                              </w:rPr>
                            </w:pPr>
                            <w:r w:rsidRPr="00BE2B88">
                              <w:rPr>
                                <w:rFonts w:ascii="BIZ UDPゴシック" w:eastAsia="BIZ UDPゴシック" w:hAnsi="BIZ UDPゴシック" w:hint="eastAsia"/>
                                <w:b/>
                                <w:color w:val="000000" w:themeColor="text1"/>
                                <w:sz w:val="24"/>
                                <w:szCs w:val="18"/>
                              </w:rPr>
                              <w:t>架け橋期の5歳児</w:t>
                            </w:r>
                            <w:r w:rsidR="00BE2B88">
                              <w:rPr>
                                <w:rFonts w:ascii="BIZ UDPゴシック" w:eastAsia="BIZ UDPゴシック" w:hAnsi="BIZ UDPゴシック" w:hint="eastAsia"/>
                                <w:b/>
                                <w:color w:val="000000" w:themeColor="text1"/>
                                <w:sz w:val="24"/>
                                <w:szCs w:val="18"/>
                              </w:rPr>
                              <w:t>の今</w:t>
                            </w:r>
                            <w:r w:rsidR="00BE2B88">
                              <w:rPr>
                                <w:rFonts w:ascii="BIZ UDPゴシック" w:eastAsia="BIZ UDPゴシック" w:hAnsi="BIZ UDPゴシック"/>
                                <w:b/>
                                <w:color w:val="000000" w:themeColor="text1"/>
                                <w:sz w:val="24"/>
                                <w:szCs w:val="18"/>
                              </w:rPr>
                              <w:t>、</w:t>
                            </w:r>
                            <w:r w:rsidRPr="00BE2B88">
                              <w:rPr>
                                <w:rFonts w:ascii="BIZ UDPゴシック" w:eastAsia="BIZ UDPゴシック" w:hAnsi="BIZ UDPゴシック" w:hint="eastAsia"/>
                                <w:b/>
                                <w:color w:val="000000" w:themeColor="text1"/>
                                <w:sz w:val="24"/>
                                <w:szCs w:val="18"/>
                              </w:rPr>
                              <w:t>このような</w:t>
                            </w:r>
                            <w:r w:rsidRPr="00BE2B88">
                              <w:rPr>
                                <w:rFonts w:ascii="BIZ UDPゴシック" w:eastAsia="BIZ UDPゴシック" w:hAnsi="BIZ UDPゴシック"/>
                                <w:b/>
                                <w:color w:val="000000" w:themeColor="text1"/>
                                <w:sz w:val="24"/>
                                <w:szCs w:val="18"/>
                              </w:rPr>
                              <w:t>経験</w:t>
                            </w:r>
                            <w:r w:rsidRPr="00BE2B88">
                              <w:rPr>
                                <w:rFonts w:ascii="BIZ UDPゴシック" w:eastAsia="BIZ UDPゴシック" w:hAnsi="BIZ UDPゴシック" w:hint="eastAsia"/>
                                <w:b/>
                                <w:color w:val="000000" w:themeColor="text1"/>
                                <w:sz w:val="24"/>
                                <w:szCs w:val="18"/>
                              </w:rPr>
                              <w:t>を重ね</w:t>
                            </w:r>
                            <w:r w:rsidRPr="00BE2B88">
                              <w:rPr>
                                <w:rFonts w:ascii="BIZ UDPゴシック" w:eastAsia="BIZ UDPゴシック" w:hAnsi="BIZ UDPゴシック"/>
                                <w:b/>
                                <w:color w:val="000000" w:themeColor="text1"/>
                                <w:sz w:val="24"/>
                                <w:szCs w:val="18"/>
                              </w:rPr>
                              <w:t>ていますか?</w:t>
                            </w:r>
                          </w:p>
                          <w:p w14:paraId="5BE02DBA" w14:textId="77777777" w:rsidR="004800F3" w:rsidRPr="00BE2B88" w:rsidRDefault="005F18AA" w:rsidP="005F18AA">
                            <w:pPr>
                              <w:ind w:left="480" w:hangingChars="200" w:hanging="480"/>
                              <w:rPr>
                                <w:rFonts w:ascii="BIZ UDPゴシック" w:eastAsia="BIZ UDPゴシック" w:hAnsi="BIZ UDPゴシック"/>
                                <w:b/>
                                <w:color w:val="000000" w:themeColor="text1"/>
                                <w:sz w:val="24"/>
                                <w:szCs w:val="18"/>
                              </w:rPr>
                            </w:pPr>
                            <w:r w:rsidRPr="00BE2B88">
                              <w:rPr>
                                <w:rFonts w:ascii="BIZ UDPゴシック" w:eastAsia="BIZ UDPゴシック" w:hAnsi="BIZ UDPゴシック" w:hint="eastAsia"/>
                                <w:b/>
                                <w:color w:val="000000" w:themeColor="text1"/>
                                <w:sz w:val="24"/>
                                <w:szCs w:val="18"/>
                              </w:rPr>
                              <w:t>少し</w:t>
                            </w:r>
                            <w:r w:rsidR="000C6D4F" w:rsidRPr="00BE2B88">
                              <w:rPr>
                                <w:rFonts w:ascii="BIZ UDPゴシック" w:eastAsia="BIZ UDPゴシック" w:hAnsi="BIZ UDPゴシック" w:hint="eastAsia"/>
                                <w:b/>
                                <w:color w:val="000000" w:themeColor="text1"/>
                                <w:sz w:val="24"/>
                                <w:szCs w:val="18"/>
                              </w:rPr>
                              <w:t>意識して</w:t>
                            </w:r>
                            <w:r w:rsidR="004800F3" w:rsidRPr="00BE2B88">
                              <w:rPr>
                                <w:rFonts w:ascii="BIZ UDPゴシック" w:eastAsia="BIZ UDPゴシック" w:hAnsi="BIZ UDPゴシック" w:hint="eastAsia"/>
                                <w:b/>
                                <w:color w:val="000000" w:themeColor="text1"/>
                                <w:sz w:val="24"/>
                                <w:szCs w:val="18"/>
                              </w:rPr>
                              <w:t>保育を</w:t>
                            </w:r>
                            <w:r w:rsidRPr="00BE2B88">
                              <w:rPr>
                                <w:rFonts w:ascii="BIZ UDPゴシック" w:eastAsia="BIZ UDPゴシック" w:hAnsi="BIZ UDPゴシック"/>
                                <w:b/>
                                <w:color w:val="000000" w:themeColor="text1"/>
                                <w:sz w:val="24"/>
                                <w:szCs w:val="18"/>
                              </w:rPr>
                              <w:t>振り返ってみま</w:t>
                            </w:r>
                            <w:r w:rsidR="00B70FE5" w:rsidRPr="00BE2B88">
                              <w:rPr>
                                <w:rFonts w:ascii="BIZ UDPゴシック" w:eastAsia="BIZ UDPゴシック" w:hAnsi="BIZ UDPゴシック" w:hint="eastAsia"/>
                                <w:b/>
                                <w:color w:val="000000" w:themeColor="text1"/>
                                <w:sz w:val="24"/>
                                <w:szCs w:val="18"/>
                              </w:rPr>
                              <w:t>しょ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1CD9843"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横巻き 16" o:spid="_x0000_s1030" type="#_x0000_t98" style="position:absolute;left:0;text-align:left;margin-left:-.35pt;margin-top:8.4pt;width:344.25pt;height:79.5pt;z-index:25180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czf9zgIAADQGAAAOAAAAZHJzL2Uyb0RvYy54bWysVE1uEzEU3iNxB8t7OjNhmpCokypqVYRU&#10;aEWKunY8djOS/7CdTNIdB+AeiAuw4DgIzsGzPZmGtuqiIouJ3/973/s5Ot5IgdbMukarChcHOUZM&#10;UV036qbCn67OXr3ByHmiaiK0YhXeMoePpy9fHLVmwgZ6qUXNLAInyk1aU+Gl92aSZY4umSTuQBum&#10;QMi1lcQDaW+y2pIWvEuRDfJ8mLXa1sZqypwD7mkS4mn0zzmj/oJzxzwSFYbcfPza+F2EbzY9IpMb&#10;S8yyoV0a5BlZSNIoCNq7OiWeoJVtHriSDbXaae4PqJaZ5ryhLNYA1RT5vWrmS2JYrAXAcaaHyf0/&#10;t/TD+tKipobeDTFSREKP/nz7/vvHz19fviLgAUCtcRPQm5tL21EOnqHaDbcy/EMdaBNB3fagso1H&#10;FJjl61ExHh1iREFW5Pm4HI+D1+zO3Fjn3zItUXhAbdo2t1p5IuYAlhARWLI+dz6Z7dRDZKdFU581&#10;QkQiTA07ERatCfSbUMqUH0ZzsZLvdZ34ZQ6/1Hlgw3wk9nDHhszi/AVPMc9/ggj13Lijwy7uUwFA&#10;FiJkAfQEc3z5rWAhrlAfGYd+AbCDWFif6X7NRRItSc0SO0SOJT8IHR0GzxxA7H13Dh7Ds+ia1+kH&#10;UxYXrTfOn0ostbC3iJGh172xbJS2jzkQvo+c9HcgJWgCSn6z2MRZLkOOgbPQ9Rbm2+q0+M7QswZm&#10;7Jw4f0ksbDrcBLhe/gI+XOi2wrp7YQRjePsYP+jHIb3FqIXLUWH3eUUsw0i8U7Ca46Isw6mJRHk4&#10;GgBh9yWLfYlayRMNw1rAnTQ0PoO+F7snt1pew5GbhaggIopCZhWm3u6IE58uGpxJymazqAbnxRB/&#10;ruaGBucB57A3V5trYk23aB529IPeXRkyubdjSTdYKj1bec2buIB3uHYdgNMU16Q7o+H27dNR6+7Y&#10;T/8CAAD//wMAUEsDBBQABgAIAAAAIQDOGRed2wAAAAgBAAAPAAAAZHJzL2Rvd25yZXYueG1sTE9N&#10;a4NAEL0X8h+WKfSWrC1UxbqGEAi5lJaYkPPqTlXizoq7SbS/vtNTe5v3wZv38vVke3HD0XeOFDyv&#10;IhBItTMdNQpOx90yBeGDJqN7R6hgRg/rYvGQ68y4Ox3wVoZGcAj5TCtoQxgyKX3dotV+5QYk1r7c&#10;aHVgODbSjPrO4baXL1EUS6s74g+tHnDbYn0pr1bBe/oZu2mXzPvqI/qezyUdbLlX6ulx2ryBCDiF&#10;PzP81ufqUHCnyl3JeNErWCZsZDrmASzHacJHxUTymoIscvl/QPEDAAD//wMAUEsBAi0AFAAGAAgA&#10;AAAhALaDOJL+AAAA4QEAABMAAAAAAAAAAAAAAAAAAAAAAFtDb250ZW50X1R5cGVzXS54bWxQSwEC&#10;LQAUAAYACAAAACEAOP0h/9YAAACUAQAACwAAAAAAAAAAAAAAAAAvAQAAX3JlbHMvLnJlbHNQSwEC&#10;LQAUAAYACAAAACEAY3M3/c4CAAA0BgAADgAAAAAAAAAAAAAAAAAuAgAAZHJzL2Uyb0RvYy54bWxQ&#10;SwECLQAUAAYACAAAACEAzhkXndsAAAAIAQAADwAAAAAAAAAAAAAAAAAoBQAAZHJzL2Rvd25yZXYu&#10;eG1sUEsFBgAAAAAEAAQA8wAAADAGAAAAAA==&#10;" fillcolor="#c5e0b3 [1305]" strokecolor="#538135 [2409]" strokeweight="1pt">
                <v:stroke joinstyle="miter"/>
                <v:textbox>
                  <w:txbxContent>
                    <w:p w14:paraId="1FE2D3B3" w14:textId="77777777" w:rsidR="00BE2B88" w:rsidRDefault="005F18AA" w:rsidP="005F18AA">
                      <w:pPr>
                        <w:ind w:left="480" w:hangingChars="200" w:hanging="480"/>
                        <w:rPr>
                          <w:rFonts w:ascii="BIZ UDPゴシック" w:eastAsia="BIZ UDPゴシック" w:hAnsi="BIZ UDPゴシック"/>
                          <w:b/>
                          <w:color w:val="000000" w:themeColor="text1"/>
                          <w:sz w:val="24"/>
                          <w:szCs w:val="18"/>
                        </w:rPr>
                      </w:pPr>
                      <w:r w:rsidRPr="00BE2B88">
                        <w:rPr>
                          <w:rFonts w:ascii="BIZ UDPゴシック" w:eastAsia="BIZ UDPゴシック" w:hAnsi="BIZ UDPゴシック" w:hint="eastAsia"/>
                          <w:b/>
                          <w:color w:val="000000" w:themeColor="text1"/>
                          <w:sz w:val="24"/>
                          <w:szCs w:val="18"/>
                        </w:rPr>
                        <w:t>架け橋期の5歳児</w:t>
                      </w:r>
                      <w:r w:rsidR="00BE2B88">
                        <w:rPr>
                          <w:rFonts w:ascii="BIZ UDPゴシック" w:eastAsia="BIZ UDPゴシック" w:hAnsi="BIZ UDPゴシック" w:hint="eastAsia"/>
                          <w:b/>
                          <w:color w:val="000000" w:themeColor="text1"/>
                          <w:sz w:val="24"/>
                          <w:szCs w:val="18"/>
                        </w:rPr>
                        <w:t>の今</w:t>
                      </w:r>
                      <w:r w:rsidR="00BE2B88">
                        <w:rPr>
                          <w:rFonts w:ascii="BIZ UDPゴシック" w:eastAsia="BIZ UDPゴシック" w:hAnsi="BIZ UDPゴシック"/>
                          <w:b/>
                          <w:color w:val="000000" w:themeColor="text1"/>
                          <w:sz w:val="24"/>
                          <w:szCs w:val="18"/>
                        </w:rPr>
                        <w:t>、</w:t>
                      </w:r>
                      <w:r w:rsidRPr="00BE2B88">
                        <w:rPr>
                          <w:rFonts w:ascii="BIZ UDPゴシック" w:eastAsia="BIZ UDPゴシック" w:hAnsi="BIZ UDPゴシック" w:hint="eastAsia"/>
                          <w:b/>
                          <w:color w:val="000000" w:themeColor="text1"/>
                          <w:sz w:val="24"/>
                          <w:szCs w:val="18"/>
                        </w:rPr>
                        <w:t>このような</w:t>
                      </w:r>
                      <w:r w:rsidRPr="00BE2B88">
                        <w:rPr>
                          <w:rFonts w:ascii="BIZ UDPゴシック" w:eastAsia="BIZ UDPゴシック" w:hAnsi="BIZ UDPゴシック"/>
                          <w:b/>
                          <w:color w:val="000000" w:themeColor="text1"/>
                          <w:sz w:val="24"/>
                          <w:szCs w:val="18"/>
                        </w:rPr>
                        <w:t>経験</w:t>
                      </w:r>
                      <w:r w:rsidRPr="00BE2B88">
                        <w:rPr>
                          <w:rFonts w:ascii="BIZ UDPゴシック" w:eastAsia="BIZ UDPゴシック" w:hAnsi="BIZ UDPゴシック" w:hint="eastAsia"/>
                          <w:b/>
                          <w:color w:val="000000" w:themeColor="text1"/>
                          <w:sz w:val="24"/>
                          <w:szCs w:val="18"/>
                        </w:rPr>
                        <w:t>を重ね</w:t>
                      </w:r>
                      <w:r w:rsidRPr="00BE2B88">
                        <w:rPr>
                          <w:rFonts w:ascii="BIZ UDPゴシック" w:eastAsia="BIZ UDPゴシック" w:hAnsi="BIZ UDPゴシック"/>
                          <w:b/>
                          <w:color w:val="000000" w:themeColor="text1"/>
                          <w:sz w:val="24"/>
                          <w:szCs w:val="18"/>
                        </w:rPr>
                        <w:t>ていますか?</w:t>
                      </w:r>
                    </w:p>
                    <w:p w14:paraId="5BE02DBA" w14:textId="77777777" w:rsidR="004800F3" w:rsidRPr="00BE2B88" w:rsidRDefault="005F18AA" w:rsidP="005F18AA">
                      <w:pPr>
                        <w:ind w:left="480" w:hangingChars="200" w:hanging="480"/>
                        <w:rPr>
                          <w:rFonts w:ascii="BIZ UDPゴシック" w:eastAsia="BIZ UDPゴシック" w:hAnsi="BIZ UDPゴシック"/>
                          <w:b/>
                          <w:color w:val="000000" w:themeColor="text1"/>
                          <w:sz w:val="24"/>
                          <w:szCs w:val="18"/>
                        </w:rPr>
                      </w:pPr>
                      <w:r w:rsidRPr="00BE2B88">
                        <w:rPr>
                          <w:rFonts w:ascii="BIZ UDPゴシック" w:eastAsia="BIZ UDPゴシック" w:hAnsi="BIZ UDPゴシック" w:hint="eastAsia"/>
                          <w:b/>
                          <w:color w:val="000000" w:themeColor="text1"/>
                          <w:sz w:val="24"/>
                          <w:szCs w:val="18"/>
                        </w:rPr>
                        <w:t>少し</w:t>
                      </w:r>
                      <w:r w:rsidR="000C6D4F" w:rsidRPr="00BE2B88">
                        <w:rPr>
                          <w:rFonts w:ascii="BIZ UDPゴシック" w:eastAsia="BIZ UDPゴシック" w:hAnsi="BIZ UDPゴシック" w:hint="eastAsia"/>
                          <w:b/>
                          <w:color w:val="000000" w:themeColor="text1"/>
                          <w:sz w:val="24"/>
                          <w:szCs w:val="18"/>
                        </w:rPr>
                        <w:t>意識して</w:t>
                      </w:r>
                      <w:r w:rsidR="004800F3" w:rsidRPr="00BE2B88">
                        <w:rPr>
                          <w:rFonts w:ascii="BIZ UDPゴシック" w:eastAsia="BIZ UDPゴシック" w:hAnsi="BIZ UDPゴシック" w:hint="eastAsia"/>
                          <w:b/>
                          <w:color w:val="000000" w:themeColor="text1"/>
                          <w:sz w:val="24"/>
                          <w:szCs w:val="18"/>
                        </w:rPr>
                        <w:t>保育を</w:t>
                      </w:r>
                      <w:r w:rsidRPr="00BE2B88">
                        <w:rPr>
                          <w:rFonts w:ascii="BIZ UDPゴシック" w:eastAsia="BIZ UDPゴシック" w:hAnsi="BIZ UDPゴシック"/>
                          <w:b/>
                          <w:color w:val="000000" w:themeColor="text1"/>
                          <w:sz w:val="24"/>
                          <w:szCs w:val="18"/>
                        </w:rPr>
                        <w:t>振り返ってみま</w:t>
                      </w:r>
                      <w:r w:rsidR="00B70FE5" w:rsidRPr="00BE2B88">
                        <w:rPr>
                          <w:rFonts w:ascii="BIZ UDPゴシック" w:eastAsia="BIZ UDPゴシック" w:hAnsi="BIZ UDPゴシック" w:hint="eastAsia"/>
                          <w:b/>
                          <w:color w:val="000000" w:themeColor="text1"/>
                          <w:sz w:val="24"/>
                          <w:szCs w:val="18"/>
                        </w:rPr>
                        <w:t>しょう</w:t>
                      </w:r>
                    </w:p>
                  </w:txbxContent>
                </v:textbox>
              </v:shape>
            </w:pict>
          </mc:Fallback>
        </mc:AlternateContent>
      </w:r>
    </w:p>
    <w:p w14:paraId="7DFD98B6" w14:textId="02A49199" w:rsidR="004800F3" w:rsidRDefault="004800F3" w:rsidP="00CA1C0B">
      <w:pPr>
        <w:spacing w:line="276" w:lineRule="auto"/>
        <w:ind w:firstLineChars="100" w:firstLine="240"/>
        <w:rPr>
          <w:rFonts w:ascii="BIZ UDPゴシック" w:eastAsia="BIZ UDPゴシック" w:hAnsi="BIZ UDPゴシック"/>
          <w:sz w:val="24"/>
          <w:szCs w:val="24"/>
        </w:rPr>
      </w:pPr>
    </w:p>
    <w:p w14:paraId="04D88CC9" w14:textId="59664481" w:rsidR="004800F3" w:rsidRDefault="004800F3" w:rsidP="00CA1C0B">
      <w:pPr>
        <w:spacing w:line="276" w:lineRule="auto"/>
        <w:ind w:firstLineChars="100" w:firstLine="240"/>
        <w:rPr>
          <w:rFonts w:ascii="BIZ UDPゴシック" w:eastAsia="BIZ UDPゴシック" w:hAnsi="BIZ UDPゴシック"/>
          <w:sz w:val="24"/>
          <w:szCs w:val="24"/>
        </w:rPr>
      </w:pPr>
    </w:p>
    <w:p w14:paraId="029DA881" w14:textId="480221A5" w:rsidR="004800F3" w:rsidRDefault="000201D2" w:rsidP="00CA1C0B">
      <w:pPr>
        <w:spacing w:line="276" w:lineRule="auto"/>
        <w:ind w:firstLineChars="100" w:firstLine="180"/>
        <w:rPr>
          <w:rFonts w:ascii="BIZ UDPゴシック" w:eastAsia="BIZ UDPゴシック" w:hAnsi="BIZ UDPゴシック"/>
          <w:sz w:val="24"/>
          <w:szCs w:val="24"/>
        </w:rPr>
      </w:pPr>
      <w:r w:rsidRPr="00010A69">
        <w:rPr>
          <w:rFonts w:ascii="BIZ UDPゴシック" w:eastAsia="BIZ UDPゴシック" w:hAnsi="BIZ UDPゴシック"/>
          <w:noProof/>
          <w:sz w:val="18"/>
          <w:szCs w:val="26"/>
        </w:rPr>
        <mc:AlternateContent>
          <mc:Choice Requires="wps">
            <w:drawing>
              <wp:anchor distT="0" distB="0" distL="114300" distR="114300" simplePos="0" relativeHeight="251832320" behindDoc="0" locked="0" layoutInCell="1" allowOverlap="1" wp14:anchorId="6475B714" wp14:editId="3DFE74A3">
                <wp:simplePos x="0" y="0"/>
                <wp:positionH relativeFrom="column">
                  <wp:posOffset>5089525</wp:posOffset>
                </wp:positionH>
                <wp:positionV relativeFrom="paragraph">
                  <wp:posOffset>231140</wp:posOffset>
                </wp:positionV>
                <wp:extent cx="1428750" cy="241300"/>
                <wp:effectExtent l="0" t="0" r="0" b="6350"/>
                <wp:wrapNone/>
                <wp:docPr id="1" name="テキスト ボックス 1"/>
                <wp:cNvGraphicFramePr/>
                <a:graphic xmlns:a="http://schemas.openxmlformats.org/drawingml/2006/main">
                  <a:graphicData uri="http://schemas.microsoft.com/office/word/2010/wordprocessingShape">
                    <wps:wsp>
                      <wps:cNvSpPr txBox="1"/>
                      <wps:spPr>
                        <a:xfrm>
                          <a:off x="0" y="0"/>
                          <a:ext cx="1428750" cy="241300"/>
                        </a:xfrm>
                        <a:prstGeom prst="rect">
                          <a:avLst/>
                        </a:prstGeom>
                        <a:blipFill>
                          <a:blip r:embed="rId9"/>
                          <a:tile tx="0" ty="0" sx="100000" sy="100000" flip="none" algn="tl"/>
                        </a:blipFill>
                        <a:ln w="6350">
                          <a:noFill/>
                        </a:ln>
                      </wps:spPr>
                      <wps:txbx>
                        <w:txbxContent>
                          <w:p w14:paraId="442BCAEF" w14:textId="77777777" w:rsidR="00D669E8" w:rsidRPr="00D669E8" w:rsidRDefault="00D669E8" w:rsidP="00D669E8">
                            <w:pPr>
                              <w:spacing w:line="200" w:lineRule="exact"/>
                              <w:jc w:val="center"/>
                              <w:rPr>
                                <w:rFonts w:ascii="BIZ UDPゴシック" w:eastAsia="BIZ UDPゴシック" w:hAnsi="BIZ UDPゴシック"/>
                                <w:sz w:val="18"/>
                                <w:szCs w:val="20"/>
                              </w:rPr>
                            </w:pPr>
                            <w:r w:rsidRPr="00D669E8">
                              <w:rPr>
                                <w:rFonts w:ascii="BIZ UDPゴシック" w:eastAsia="BIZ UDPゴシック" w:hAnsi="BIZ UDPゴシック" w:hint="eastAsia"/>
                                <w:sz w:val="18"/>
                                <w:szCs w:val="20"/>
                              </w:rPr>
                              <w:t>知識及び</w:t>
                            </w:r>
                            <w:r w:rsidRPr="00D669E8">
                              <w:rPr>
                                <w:rFonts w:ascii="BIZ UDPゴシック" w:eastAsia="BIZ UDPゴシック" w:hAnsi="BIZ UDPゴシック"/>
                                <w:sz w:val="18"/>
                                <w:szCs w:val="20"/>
                              </w:rPr>
                              <w:t>技能の基礎</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475B714" id="_x0000_t202" coordsize="21600,21600" o:spt="202" path="m,l,21600r21600,l21600,xe">
                <v:stroke joinstyle="miter"/>
                <v:path gradientshapeok="t" o:connecttype="rect"/>
              </v:shapetype>
              <v:shape id="テキスト ボックス 1" o:spid="_x0000_s1031" type="#_x0000_t202" style="position:absolute;left:0;text-align:left;margin-left:400.75pt;margin-top:18.2pt;width:112.5pt;height:19pt;z-index:251832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NU6mYqhAgAAIwUAAA4AAABkcnMvZTJvRG9jLnhtbKxU3WrbMBS+H+wd&#10;hO5XJ2n6M1OnZC0dhdIW2tFrRZZjgyxpklK7u2yg7CH2CmPXex6/yD7JThu6wWAsF8qRztHR+b7z&#10;HR8dt7Uk98K6SquMjndGlAjFdV6pZUY/3Z69O6TEeaZyJrUSGX0Qjh7P3r45akwqJrrUMheWIIly&#10;aWMyWnpv0iRxvBQ1czvaCAVnoW3NPLZ2meSWNchey2QyGu0njba5sZoL53B62jvpLOYvCsH9VVE4&#10;4YnMKGrzcbVxXYQ1mR2xdGmZKSs+lMH+oYqaVQqPPqc6ZZ6Rla1+S1VX3GqnC7/DdZ3ooqi4iBiA&#10;Zjx6heamZEZELCDHmWea3P9Lyy/vry2pcvSOEsVqtKhbP3WP37vHn936K+nW37r1unv8gT0ZB7oa&#10;41LcujG459sPug1Xh3OHw8BCW9g6/AMfgR/EPzyTLVpPeLg0nRwe7MHF4ZtMx7uj2I3k5baxzn8U&#10;uibByKhFMyPH7P7CebyI0E1IeGwhK3NWSbmxB7rQ7L+Lqm/EqearWijfK8sKyTxk7crKOEpsKuqF&#10;AFH2PI+AWeorKcBBBOgjQuICslH4Qfc42tgFisuowgxQwuQSs+JlYA0YtuuWijQZ3d8FLwGG0gFQ&#10;HyYVogP5PcnB8u2ijb2bROrC0ULnD2iM1b3SneFnFdi7YM5fMwtpoy6Mq7/CUkiNx/RgUVJq++VP&#10;5yEeJMJLSYNRyaj7vGIWSOS5ghbfj6dTpPVxM907QDXEbnsW2x61qk80phF6Q3XRDPFebszC6voO&#10;Uz0Pr8LFFMfbIGxjnvh+gPFV4GI+j0GYJsP8hboxPKQO5AVt3LZ3zJpBQB7Su9SboWLpKx31sT3t&#10;85XXRRVF9sLqwD8mMfZt+GqEUd/ex6iXb9vsFwAAAP//AwBQSwMEFAAGAAgAAAAhAFhgsxu6AAAA&#10;IgEAABkAAABkcnMvX3JlbHMvZTJvRG9jLnhtbC5yZWxzhI/LCsIwEEX3gv8QZm/TuhCRpm5EcCv1&#10;A4ZkmkabB0kU+/cG3CgILude7jlMu3/aiT0oJuOdgKaqgZGTXhmnBVz642oLLGV0CifvSMBMCfbd&#10;ctGeacJcRmk0IbFCcUnAmHPYcZ7kSBZT5QO50gw+WszljJoHlDfUxNd1veHxkwHdF5OdlIB4Ug2w&#10;fg7F/J/th8FIOnh5t+TyDwU3trgLEKOmLMCSMvgOm+oaSAPvWv71WfcCAAD//wMAUEsDBBQABgAI&#10;AAAAIQCXbKNz4AAAAAoBAAAPAAAAZHJzL2Rvd25yZXYueG1sTI9BTsMwEEX3SNzBGiR21G4JoQqZ&#10;VBVSVbEB0eQATmySlHgcYrc1PT3uqixn5unP+/kqmIEd9eR6SwjzmQCmqbGqpxahKjcPS2DOS1Jy&#10;sKQRfrWDVXF7k8tM2RN96uPOtyyGkMskQuf9mHHumk4b6WZ21BRvX3Yy0sdxarma5CmGm4EvhEi5&#10;kT3FD50c9Wunm+/dwSCUbXm2od7u3zfhY/hZv523VbVHvL8L6xdgXgd/heGiH9WhiE61PZBybEBY&#10;ivlTRBEe0wTYBRCLNG5qhOckAV7k/H+F4g8AAP//AwBQSwMECgAAAAAAAAAhAH3RxfAfCwAAHwsA&#10;ABUAAABkcnMvbWVkaWEvaW1hZ2UxLmpwZWf/2P/gABBKRklGAAEBAQBLAEsAAP/jAw5NU08gUGFs&#10;ZXR0ZSC43fvA4PvF4fvH4/vL4/vL5PvN5fvP5vvR5fvS5/vU5/vW6PvX5/vY6PvY6fva6vvc6fvd&#10;6vve6/ve7Pvh6/vh7Pvk7Pvk7vvn7Pvn7/vq7/vs8fvt7/vx8vvz9Pv59/uq2Puw2vuz2/u03Pu2&#10;2/u33fu33vu43/u63vu73fu73/u84Pu93vu+3vu+4Pu/4fvA3vvA4vvB4PvB4fvC4fvC4vvD3/vD&#10;4fvD4vvE4fvE4vvE4/vF4vvF4/vF5PvG4PvG4fvG4vvG4/vH4vvH5PvH5fvI4vvI4/vI5PvJ4fvJ&#10;4/vJ5PvJ5fvK4vvK5PvK5fvK5vvL5fvM4/vM5PvM5fvM5vvM5/vN4/vN5PvN5vvN5/vO5PvO5fvO&#10;5vvO5/vO6PvP4/vP5fvP5/vP6PvQ5PvQ5fvQ5vvQ5/vR5vvR5/vR6PvS5PvS5vvS6PvT5PvT5vvT&#10;5/vT6PvT6fvU5vvU6PvV5vvV5/vV6PvV6fvW5fvW5/vW6fvX6PvX6fvX6vvY5vvY5/vY6vvY6/vZ&#10;6PvZ6fvZ6vva6Pva6fva6/va7Pvb5/vb6fvb6vvb6/vc6Pvc6vvc6/vc7Pvc7fvd6Pvd6fvd6/vd&#10;7Pve6Pve6vve7fvf6vvf6/vf7Pvf7fvf7vvg6fvg6vvg6/vg7Pvg7fvg7vvh7fvh7vvi6vvi6/vi&#10;7Pvi7fvj6/vj7Pvj7fvj7vvj7/vk6/vk7fvk8Pvl6/vl7Pvl7fvl7vvl7/vm7fvm7vvm7/vm8Pvn&#10;7fvn7vvn8Pvn8fvo7vvo7/vo8Pvo8fvp7vvp7/vp8Pvp8fvq7Pvq7vvq8Pvq8fvq8vvr7vvr7/vr&#10;8Pvr8fvs7vvs8Pvs8vvt7vvt8Pvt8fvt8vvt8/vu8Pvu8fvu8vvu9Pvv8fvv8vvv8/vw7/vw8fvw&#10;8vvw8/vw9fvx8fvx8/vx9Pvy8vvy8/vy9Pvy9fvz8fvz8/vz9vv08/v09Pv09fv18vv18/v19vv2&#10;9Pv29/v39fv49vv59Pv5+Pv79vv7+Pv++Pv++vv+/Pv/2wBDAAsICAoIBwsKCQoNDAsNERwSEQ8P&#10;ESIZGhQcKSQrKigkJyctMkA3LTA9MCcnOEw5PUNFSElIKzZPVU5GVEBHSEX/2wBDAQwNDREPESES&#10;EiFFLicuRUVFRUVFRUVFRUVFRUVFRUVFRUVFRUVFRUVFRUVFRUVFRUVFRUVFRUVFRUVFRUVFRUX/&#10;wAARCACAAIADASIAAhEBAxEB/8QAGAABAQEBAQAAAAAAAAAAAAAAAQIAAwf/xAAtEAEAAgICAgIB&#10;AgUFAQEAAAABAhEAIRIxQVEiYXEDMhNCgZGhUrHB0fAj4f/EABgBAQEBAQEAAAAAAAAAAAAAAAEA&#10;AgME/8QAGhEBAQEAAwEAAAAAAAAAAAAAAAERITFBYf/aAAwDAQACEQMRAD8A9JGLPjJWjvHlbVFN&#10;/HNGK0nv+2Gv4kdNf756HBXFIjGmztwAt3d3905onUpOvT7xj8Yy/wBK0V5yKJiPGL86ygWPjEI3&#10;KVqxKfxmgnGolNXvsyAjZaFriw+ahZH77yZQlKTSt791rOocTky6MqYj9s04/FxnKQkRD2HjMfJI&#10;/eqxbV1oXf1gRqV3qVdmDaFmy6x4hqy8WPL5d/eScx2crrMsZTr3YFf4zESN29apwkL+pbuLV5pl&#10;QiCRbRq+s1Fvs6MpfjvtdtZMnpdKWuBpUJUaD7vOZa3/ADmk9ZTBfkb8decqJITlLfo7/rkE8eUm&#10;0C+3xjJsA8f7ecZ7qtHiOEDjLZUV78uskObYkf7ecuXEt8X6veczrr5d9/5/OXayTrXdd685VRMv&#10;1OUtUwdZ0i/G6p/vkRhA9359XlIKxXbXXjK4Zqigbk73hHirVrWvvJLAib/6ypS+VWP0F4FpRhyB&#10;fuq8ZoURSL2+PGZlcBlH5bw5Vq6a6XvJBEs/UpF1mhHmiESvN4tcTlAa+94khp4UeqyBZUUhutv+&#10;2TRM6uvTipGZGm3/ADizuOoET894FhquKh4/6yfjWiRforIIFWCfnxlSWyrj93V44NMSOkmofyjW&#10;FDMlVprbjy4q/qNx/wDd48SKUHdlZFO4K3p8mDUpSrp81mlL+IbN/m7w5WgOj1iyQ2h+erynymk8&#10;34zRugKu7wplI0quvWBI1P8APdd9ZNPJv4r16Mzcb8RfrrJb8XvyYhRco8UqJ0YWgg7PN/4xj+0v&#10;Ve/OU0JEiVV6PORw8VoKa1frCrs7fOEbIlA77M68tNRO9YUzlzJf/R0sTrNHiG1tWqay5Wny3XjW&#10;85cpWkglGuu8orwkNqIeOryhoT5d/wBfzhqUR127xk8YhpvvFklw27NXXjEqMWr7pMw6+PRX3lM4&#10;1Uil3Zg0hjVpWjx6yYxOVnT2+8plylEpqtZV3+7TfbiME5JLlxDW78YRXlbF/GZSMaSSmA2u1rVe&#10;MFpRlL5VHxjGjp613kxL/UkFe0zThUpSWz+Ux+L6vuPJ0PvxkSFErfm8xXS9tb85o/pgnGP9Uy6X&#10;a49jJ6K0XjKVBx/FfWTAqNpo6+80+irq91h6fBGXd1fn8ZjiqEflV96wkEXQf1zB3LRGi7cQkCUR&#10;UK99Z2iUROWv9s5R0hK6Hwd5aPmuX07+sqo0kr0HVGseNly3H6cY3LQxHznOX63O2PLWg94FfH72&#10;+nCkYsjrrzhCVxs/rm5rGy6MuVsYi3oN+HrMkhV0Hnw5ziT6s5br8ZcZMfjKQy/ma6xxnSUNqsfv&#10;rEgSHk06dd48IlKlnvAAR1v9tuDWNIPkxi3H+mblKYf5oxpeW6v31hIK/GtPnJNIfiUWug8Y/wAN&#10;Sur73hG65IhbRf8AnMSDsu3rJNKMUkBaebzlviS0/jzlyudRWv8AVRmY8o1X7t//AJjGbyYpzaLX&#10;EdvEunb7+/xmny6JX7fWIU2b+n/OBR01vGZAQd7rvNxOSCqf+MJwlNNFDd4jxv4gQ0dey8xMm1Ib&#10;TeVOA/IWytOEILXLT3blwedV+nGv1Ne9rkQhpHVm/edFqXqns6znNP0+JVvderwiuEVaOPfjMN9P&#10;XTnOSs0/uHWdKIws/r+frESsLwuzia0d/eaNMr7fAZnUY3JL6j4yKdxb36yToXJpLyU6NX6zMb+N&#10;uzv6ylv9vrv6yKVSvrblmwSl85PHjO6199YkpXUW16OsFER8XQe7y6jI4loG085K/PibvoPvKdWl&#10;fkMUxqXHoro25UdR0d6+/wA5EY8v1KJWHddZ0lZaaOg91maYibKqFo3X1hBu5MaTzmb0q66Dty4x&#10;0ko99q24+D1zXejRpTBObtd/VZU4BGPEeJ6fORxlFkSaPBeMFUEeZ234MZBLi1q9b1WZlwiUvrqq&#10;yW1FXl9+MkqCEpL3Wssjfb2WZyjOOzi2vWNrTLtf7GFhlZaajKq3fvFVl8Af9OsEuNiF7c0Ichs6&#10;016xS6lUaNm1fGZj+4iNJ7ypSZXWoGjdZBr1v785khkkz5VfZhGF8WXd6E/9ebcW2MSnz5Mzy6tb&#10;8+/vNMqsJaTTusmRoE0h+cGiBRq915cVWMhvvtySgr1vA5XEr43ffnKj3ouXv/jNNoOSdXV7wI/V&#10;iK8TrvWc4jdTt5PS50nJY/8AJkH7WelNYzoXs74oNf8AP5wjERkjx/zmWZIB0mqy4HKHI7Xdesul&#10;2g1Y95X6cON2aTealA6TsPObloJCZGQMosbVbeh7c3J+UT+rmJULwLf71kR8vAq6u8sGusQ5nIu2&#10;6vzhx+Ub3qnG3kPEPODIWl16PGBf/9lQSwECLQAUAAYACAAAACEAihU/mAwBAAAVAgAAEwAAAAAA&#10;AAAAAAAAAAAAAAAAW0NvbnRlbnRfVHlwZXNdLnhtbFBLAQItABQABgAIAAAAIQA4/SH/1gAAAJQB&#10;AAALAAAAAAAAAAAAAAAAAD0BAABfcmVscy8ucmVsc1BLAQItABQABgAIAAAAIQDVOpmKoQIAACMF&#10;AAAOAAAAAAAAAAAAAAAAADwCAABkcnMvZTJvRG9jLnhtbFBLAQItABQABgAIAAAAIQBYYLMbugAA&#10;ACIBAAAZAAAAAAAAAAAAAAAAAAkFAABkcnMvX3JlbHMvZTJvRG9jLnhtbC5yZWxzUEsBAi0AFAAG&#10;AAgAAAAhAJdso3PgAAAACgEAAA8AAAAAAAAAAAAAAAAA+gUAAGRycy9kb3ducmV2LnhtbFBLAQIt&#10;AAoAAAAAAAAAIQB90cXwHwsAAB8LAAAVAAAAAAAAAAAAAAAAAAcHAABkcnMvbWVkaWEvaW1hZ2Ux&#10;LmpwZWdQSwUGAAAAAAYABgB9AQAAWRIAAAAA&#10;" stroked="f" strokeweight=".5pt">
                <v:fill r:id="rId10" o:title="" recolor="t" rotate="t" type="tile"/>
                <v:textbox>
                  <w:txbxContent>
                    <w:p w14:paraId="442BCAEF" w14:textId="77777777" w:rsidR="00D669E8" w:rsidRPr="00D669E8" w:rsidRDefault="00D669E8" w:rsidP="00D669E8">
                      <w:pPr>
                        <w:spacing w:line="200" w:lineRule="exact"/>
                        <w:jc w:val="center"/>
                        <w:rPr>
                          <w:rFonts w:ascii="BIZ UDPゴシック" w:eastAsia="BIZ UDPゴシック" w:hAnsi="BIZ UDPゴシック"/>
                          <w:sz w:val="18"/>
                          <w:szCs w:val="20"/>
                        </w:rPr>
                      </w:pPr>
                      <w:r w:rsidRPr="00D669E8">
                        <w:rPr>
                          <w:rFonts w:ascii="BIZ UDPゴシック" w:eastAsia="BIZ UDPゴシック" w:hAnsi="BIZ UDPゴシック" w:hint="eastAsia"/>
                          <w:sz w:val="18"/>
                          <w:szCs w:val="20"/>
                        </w:rPr>
                        <w:t>知識及び</w:t>
                      </w:r>
                      <w:r w:rsidRPr="00D669E8">
                        <w:rPr>
                          <w:rFonts w:ascii="BIZ UDPゴシック" w:eastAsia="BIZ UDPゴシック" w:hAnsi="BIZ UDPゴシック"/>
                          <w:sz w:val="18"/>
                          <w:szCs w:val="20"/>
                        </w:rPr>
                        <w:t>技能の基礎</w:t>
                      </w:r>
                    </w:p>
                  </w:txbxContent>
                </v:textbox>
              </v:shape>
            </w:pict>
          </mc:Fallback>
        </mc:AlternateContent>
      </w:r>
      <w:r w:rsidR="00ED5B44" w:rsidRPr="00A153EC">
        <w:rPr>
          <w:noProof/>
        </w:rPr>
        <w:drawing>
          <wp:anchor distT="0" distB="0" distL="114300" distR="114300" simplePos="0" relativeHeight="251826176" behindDoc="0" locked="0" layoutInCell="1" allowOverlap="1" wp14:anchorId="7C77498C" wp14:editId="158485DA">
            <wp:simplePos x="0" y="0"/>
            <wp:positionH relativeFrom="page">
              <wp:posOffset>4919475</wp:posOffset>
            </wp:positionH>
            <wp:positionV relativeFrom="paragraph">
              <wp:posOffset>126365</wp:posOffset>
            </wp:positionV>
            <wp:extent cx="748519" cy="490626"/>
            <wp:effectExtent l="0" t="0" r="0" b="0"/>
            <wp:wrapNone/>
            <wp:docPr id="137" name="図 137" descr="Z:\64幼児教育\９広報戦略\キャラクター\自然.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Z:\64幼児教育\９広報戦略\キャラクター\自然.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748519" cy="490626"/>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5561A27" w14:textId="2A8C8342" w:rsidR="004800F3" w:rsidRDefault="00ED5B44" w:rsidP="00CA1C0B">
      <w:pPr>
        <w:spacing w:line="276" w:lineRule="auto"/>
        <w:ind w:firstLineChars="100" w:firstLine="240"/>
        <w:rPr>
          <w:rFonts w:ascii="BIZ UDPゴシック" w:eastAsia="BIZ UDPゴシック" w:hAnsi="BIZ UDPゴシック"/>
          <w:sz w:val="24"/>
          <w:szCs w:val="24"/>
        </w:rPr>
      </w:pPr>
      <w:r w:rsidRPr="004800F3">
        <w:rPr>
          <w:rFonts w:ascii="BIZ UDPゴシック" w:eastAsia="BIZ UDPゴシック" w:hAnsi="BIZ UDPゴシック"/>
          <w:noProof/>
          <w:sz w:val="24"/>
          <w:szCs w:val="24"/>
        </w:rPr>
        <mc:AlternateContent>
          <mc:Choice Requires="wps">
            <w:drawing>
              <wp:anchor distT="0" distB="0" distL="114300" distR="114300" simplePos="0" relativeHeight="251795456" behindDoc="0" locked="0" layoutInCell="1" allowOverlap="1" wp14:anchorId="7FBC321A" wp14:editId="661C8B83">
                <wp:simplePos x="0" y="0"/>
                <wp:positionH relativeFrom="column">
                  <wp:posOffset>4224655</wp:posOffset>
                </wp:positionH>
                <wp:positionV relativeFrom="paragraph">
                  <wp:posOffset>255270</wp:posOffset>
                </wp:positionV>
                <wp:extent cx="2028825" cy="514350"/>
                <wp:effectExtent l="0" t="0" r="0" b="0"/>
                <wp:wrapNone/>
                <wp:docPr id="24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028825" cy="514350"/>
                        </a:xfrm>
                        <a:prstGeom prst="rect">
                          <a:avLst/>
                        </a:prstGeom>
                        <a:noFill/>
                        <a:ln w="12700" cap="flat" cmpd="sng" algn="ctr">
                          <a:noFill/>
                          <a:prstDash val="solid"/>
                          <a:miter lim="800000"/>
                          <a:headEnd/>
                          <a:tailEnd/>
                        </a:ln>
                        <a:effectLst/>
                      </wps:spPr>
                      <wps:txbx>
                        <w:txbxContent>
                          <w:p w14:paraId="1161E002" w14:textId="77777777" w:rsidR="000201D2" w:rsidRDefault="000201D2" w:rsidP="000201D2">
                            <w:pPr>
                              <w:ind w:left="440" w:hangingChars="200" w:hanging="440"/>
                              <w:rPr>
                                <w:rFonts w:ascii="BIZ UDPゴシック" w:eastAsia="BIZ UDPゴシック" w:hAnsi="BIZ UDPゴシック"/>
                                <w:sz w:val="22"/>
                                <w:szCs w:val="18"/>
                              </w:rPr>
                            </w:pPr>
                            <w:r w:rsidRPr="000201D2">
                              <w:rPr>
                                <w:rFonts w:ascii="BIZ UDPゴシック" w:eastAsia="BIZ UDPゴシック" w:hAnsi="BIZ UDPゴシック" w:hint="eastAsia"/>
                                <w:sz w:val="22"/>
                                <w:szCs w:val="18"/>
                              </w:rPr>
                              <w:t>様々な素材や</w:t>
                            </w:r>
                            <w:r w:rsidRPr="000201D2">
                              <w:rPr>
                                <w:rFonts w:ascii="BIZ UDPゴシック" w:eastAsia="BIZ UDPゴシック" w:hAnsi="BIZ UDPゴシック"/>
                                <w:sz w:val="22"/>
                                <w:szCs w:val="18"/>
                              </w:rPr>
                              <w:t>遊具</w:t>
                            </w:r>
                            <w:r w:rsidRPr="000201D2">
                              <w:rPr>
                                <w:rFonts w:ascii="BIZ UDPゴシック" w:eastAsia="BIZ UDPゴシック" w:hAnsi="BIZ UDPゴシック" w:hint="eastAsia"/>
                                <w:sz w:val="22"/>
                                <w:szCs w:val="18"/>
                              </w:rPr>
                              <w:t>に</w:t>
                            </w:r>
                            <w:r w:rsidRPr="000201D2">
                              <w:rPr>
                                <w:rFonts w:ascii="BIZ UDPゴシック" w:eastAsia="BIZ UDPゴシック" w:hAnsi="BIZ UDPゴシック"/>
                                <w:sz w:val="22"/>
                                <w:szCs w:val="18"/>
                              </w:rPr>
                              <w:t>触れ</w:t>
                            </w:r>
                            <w:r w:rsidRPr="000201D2">
                              <w:rPr>
                                <w:rFonts w:ascii="BIZ UDPゴシック" w:eastAsia="BIZ UDPゴシック" w:hAnsi="BIZ UDPゴシック" w:hint="eastAsia"/>
                                <w:sz w:val="22"/>
                                <w:szCs w:val="18"/>
                              </w:rPr>
                              <w:t>たり</w:t>
                            </w:r>
                          </w:p>
                          <w:p w14:paraId="620A2AB5" w14:textId="634610BC" w:rsidR="000201D2" w:rsidRPr="000201D2" w:rsidRDefault="000201D2" w:rsidP="000201D2">
                            <w:pPr>
                              <w:ind w:left="440" w:hangingChars="200" w:hanging="440"/>
                              <w:rPr>
                                <w:rFonts w:ascii="BIZ UDPゴシック" w:eastAsia="BIZ UDPゴシック" w:hAnsi="BIZ UDPゴシック"/>
                                <w:sz w:val="22"/>
                                <w:szCs w:val="18"/>
                              </w:rPr>
                            </w:pPr>
                            <w:r w:rsidRPr="000201D2">
                              <w:rPr>
                                <w:rFonts w:ascii="BIZ UDPゴシック" w:eastAsia="BIZ UDPゴシック" w:hAnsi="BIZ UDPゴシック" w:hint="eastAsia"/>
                                <w:sz w:val="22"/>
                                <w:szCs w:val="18"/>
                              </w:rPr>
                              <w:t>性質を知ったり</w:t>
                            </w:r>
                            <w:r w:rsidRPr="000201D2">
                              <w:rPr>
                                <w:rFonts w:ascii="BIZ UDPゴシック" w:eastAsia="BIZ UDPゴシック" w:hAnsi="BIZ UDPゴシック"/>
                                <w:sz w:val="22"/>
                                <w:szCs w:val="18"/>
                              </w:rPr>
                              <w:t>する</w:t>
                            </w:r>
                          </w:p>
                          <w:p w14:paraId="5C52D7BA" w14:textId="0F311042" w:rsidR="004800F3" w:rsidRPr="004800F3" w:rsidRDefault="004800F3" w:rsidP="004800F3">
                            <w:pPr>
                              <w:ind w:left="440" w:hangingChars="200" w:hanging="440"/>
                              <w:rPr>
                                <w:rFonts w:ascii="BIZ UDPゴシック" w:eastAsia="BIZ UDPゴシック" w:hAnsi="BIZ UDPゴシック"/>
                                <w:sz w:val="22"/>
                                <w:szCs w:val="18"/>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FBC321A" id="テキスト ボックス 2" o:spid="_x0000_s1032" type="#_x0000_t202" style="position:absolute;left:0;text-align:left;margin-left:332.65pt;margin-top:20.1pt;width:159.75pt;height:40.5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QaOFWAIAAFUEAAAOAAAAZHJzL2Uyb0RvYy54bWysVM2O0zAQviPxDpbvbNLQsiXadLVsWYS0&#10;C0gLDzB1nMbCf9jeJsuxlRAPwSsgzjxPXoSx0y0V3BA9WB47880333zu2XmvJNlw54XRFZ2c5JRw&#10;zUwt9LqiH95fPZlT4gPoGqTRvKL33NPzxeNHZ50teWFaI2vuCIJoX3a2om0Itswyz1quwJ8YyzVe&#10;NsYpCBi6dVY76BBdyazI82dZZ1xtnWHcezxdjpd0kfCbhrPwtmk8D0RWFLmFtLq0ruKaLc6gXDuw&#10;rWB7GvAPLBQIjUUPUEsIQO6c+AtKCeaMN004YUZlpmkE46kH7GaS/9HNbQuWp15QHG8PMvn/B8ve&#10;bN45IuqKFtNTSjQoHNKw+zJsvw/bn8PuKxl234bdbtj+wJgUUbDO+hLzbi1mhv6F6XHwqXlvrw37&#10;6Ik2ly3oNb9wznQthxoJT2JmdpQ64vgIsupuTI114S6YBNQ3TkU1UR+C6Di4+8OweB8Iw8MiL+bz&#10;YkYJw7vZZPp0lqaZQfmQbZ0Pr7hRJG4q6tAMCR021z5ENlA+fBKLaXMlpEyGkJp0SLk4zbE0A/Rl&#10;IyHgVllUyus1JSDXaHgWXII8yo2QS/At2QB6zhsp6tFlSgS0uhSqovM8/sbjqM9LXae6AYQc98hN&#10;6siKJxPvCUf5omKjdqFf9Wl0s4eprEx9j3o6M/oc3yVuWuM+U9Khx5HOpztwnBL5WuNMnk+m0/go&#10;UjCdnRYYuOOb1fENaIZQFUUdxu1lSA9p1O4CZ9eIJGtkOTLZTxy9m9Tev7P4OI7j9NXvf4PFLwAA&#10;AP//AwBQSwMEFAAGAAgAAAAhAOhu90zfAAAACgEAAA8AAABkcnMvZG93bnJldi54bWxMj8FOwzAM&#10;hu9IvEPkSdxYumxUW9d0GkgcOOzAgLvbeG21JilN1hWeHnOCo+XPv78/3022EyMNofVOw2KegCBX&#10;edO6WsP72/P9GkSI6Ax23pGGLwqwK25vcsyMv7pXGo+xFhziQoYamhj7TMpQNWQxzH1PjncnP1iM&#10;PA61NANeOdx2UiVJKi22jj802NNTQ9X5eLGsMX6Uy03c+xAOJ/X48o2H8vyp9d1s2m9BRJriHwy/&#10;+nwDBTuV/uJMEJ2GNH1YMqphlSgQDGzWK+5SMqkWCmSRy/8Vih8AAAD//wMAUEsBAi0AFAAGAAgA&#10;AAAhALaDOJL+AAAA4QEAABMAAAAAAAAAAAAAAAAAAAAAAFtDb250ZW50X1R5cGVzXS54bWxQSwEC&#10;LQAUAAYACAAAACEAOP0h/9YAAACUAQAACwAAAAAAAAAAAAAAAAAvAQAAX3JlbHMvLnJlbHNQSwEC&#10;LQAUAAYACAAAACEASUGjhVgCAABVBAAADgAAAAAAAAAAAAAAAAAuAgAAZHJzL2Uyb0RvYy54bWxQ&#10;SwECLQAUAAYACAAAACEA6G73TN8AAAAKAQAADwAAAAAAAAAAAAAAAACyBAAAZHJzL2Rvd25yZXYu&#10;eG1sUEsFBgAAAAAEAAQA8wAAAL4FAAAAAA==&#10;" filled="f" stroked="f" strokeweight="1pt">
                <v:textbox>
                  <w:txbxContent>
                    <w:p w14:paraId="1161E002" w14:textId="77777777" w:rsidR="000201D2" w:rsidRDefault="000201D2" w:rsidP="000201D2">
                      <w:pPr>
                        <w:ind w:left="440" w:hangingChars="200" w:hanging="440"/>
                        <w:rPr>
                          <w:rFonts w:ascii="BIZ UDPゴシック" w:eastAsia="BIZ UDPゴシック" w:hAnsi="BIZ UDPゴシック"/>
                          <w:sz w:val="22"/>
                          <w:szCs w:val="18"/>
                        </w:rPr>
                      </w:pPr>
                      <w:r w:rsidRPr="000201D2">
                        <w:rPr>
                          <w:rFonts w:ascii="BIZ UDPゴシック" w:eastAsia="BIZ UDPゴシック" w:hAnsi="BIZ UDPゴシック" w:hint="eastAsia"/>
                          <w:sz w:val="22"/>
                          <w:szCs w:val="18"/>
                        </w:rPr>
                        <w:t>様々な素材や</w:t>
                      </w:r>
                      <w:r w:rsidRPr="000201D2">
                        <w:rPr>
                          <w:rFonts w:ascii="BIZ UDPゴシック" w:eastAsia="BIZ UDPゴシック" w:hAnsi="BIZ UDPゴシック"/>
                          <w:sz w:val="22"/>
                          <w:szCs w:val="18"/>
                        </w:rPr>
                        <w:t>遊具</w:t>
                      </w:r>
                      <w:r w:rsidRPr="000201D2">
                        <w:rPr>
                          <w:rFonts w:ascii="BIZ UDPゴシック" w:eastAsia="BIZ UDPゴシック" w:hAnsi="BIZ UDPゴシック" w:hint="eastAsia"/>
                          <w:sz w:val="22"/>
                          <w:szCs w:val="18"/>
                        </w:rPr>
                        <w:t>に</w:t>
                      </w:r>
                      <w:r w:rsidRPr="000201D2">
                        <w:rPr>
                          <w:rFonts w:ascii="BIZ UDPゴシック" w:eastAsia="BIZ UDPゴシック" w:hAnsi="BIZ UDPゴシック"/>
                          <w:sz w:val="22"/>
                          <w:szCs w:val="18"/>
                        </w:rPr>
                        <w:t>触れ</w:t>
                      </w:r>
                      <w:r w:rsidRPr="000201D2">
                        <w:rPr>
                          <w:rFonts w:ascii="BIZ UDPゴシック" w:eastAsia="BIZ UDPゴシック" w:hAnsi="BIZ UDPゴシック" w:hint="eastAsia"/>
                          <w:sz w:val="22"/>
                          <w:szCs w:val="18"/>
                        </w:rPr>
                        <w:t>たり</w:t>
                      </w:r>
                    </w:p>
                    <w:p w14:paraId="620A2AB5" w14:textId="634610BC" w:rsidR="000201D2" w:rsidRPr="000201D2" w:rsidRDefault="000201D2" w:rsidP="000201D2">
                      <w:pPr>
                        <w:ind w:left="440" w:hangingChars="200" w:hanging="440"/>
                        <w:rPr>
                          <w:rFonts w:ascii="BIZ UDPゴシック" w:eastAsia="BIZ UDPゴシック" w:hAnsi="BIZ UDPゴシック"/>
                          <w:sz w:val="22"/>
                          <w:szCs w:val="18"/>
                        </w:rPr>
                      </w:pPr>
                      <w:r w:rsidRPr="000201D2">
                        <w:rPr>
                          <w:rFonts w:ascii="BIZ UDPゴシック" w:eastAsia="BIZ UDPゴシック" w:hAnsi="BIZ UDPゴシック" w:hint="eastAsia"/>
                          <w:sz w:val="22"/>
                          <w:szCs w:val="18"/>
                        </w:rPr>
                        <w:t>性質を知ったり</w:t>
                      </w:r>
                      <w:r w:rsidRPr="000201D2">
                        <w:rPr>
                          <w:rFonts w:ascii="BIZ UDPゴシック" w:eastAsia="BIZ UDPゴシック" w:hAnsi="BIZ UDPゴシック"/>
                          <w:sz w:val="22"/>
                          <w:szCs w:val="18"/>
                        </w:rPr>
                        <w:t>する</w:t>
                      </w:r>
                    </w:p>
                    <w:p w14:paraId="5C52D7BA" w14:textId="0F311042" w:rsidR="004800F3" w:rsidRPr="004800F3" w:rsidRDefault="004800F3" w:rsidP="004800F3">
                      <w:pPr>
                        <w:ind w:left="440" w:hangingChars="200" w:hanging="440"/>
                        <w:rPr>
                          <w:rFonts w:ascii="BIZ UDPゴシック" w:eastAsia="BIZ UDPゴシック" w:hAnsi="BIZ UDPゴシック"/>
                          <w:sz w:val="22"/>
                          <w:szCs w:val="18"/>
                        </w:rPr>
                      </w:pPr>
                    </w:p>
                  </w:txbxContent>
                </v:textbox>
              </v:shape>
            </w:pict>
          </mc:Fallback>
        </mc:AlternateContent>
      </w:r>
      <w:r w:rsidRPr="004800F3">
        <w:rPr>
          <w:rFonts w:ascii="BIZ UDPゴシック" w:eastAsia="BIZ UDPゴシック" w:hAnsi="BIZ UDPゴシック"/>
          <w:noProof/>
          <w:sz w:val="24"/>
          <w:szCs w:val="24"/>
        </w:rPr>
        <mc:AlternateContent>
          <mc:Choice Requires="wps">
            <w:drawing>
              <wp:anchor distT="0" distB="0" distL="114300" distR="114300" simplePos="0" relativeHeight="251794432" behindDoc="0" locked="0" layoutInCell="1" allowOverlap="1" wp14:anchorId="79CF1DAD" wp14:editId="259F796A">
                <wp:simplePos x="0" y="0"/>
                <wp:positionH relativeFrom="column">
                  <wp:posOffset>3702685</wp:posOffset>
                </wp:positionH>
                <wp:positionV relativeFrom="paragraph">
                  <wp:posOffset>65405</wp:posOffset>
                </wp:positionV>
                <wp:extent cx="2952750" cy="876300"/>
                <wp:effectExtent l="0" t="0" r="0" b="0"/>
                <wp:wrapNone/>
                <wp:docPr id="270" name="楕円 270"/>
                <wp:cNvGraphicFramePr/>
                <a:graphic xmlns:a="http://schemas.openxmlformats.org/drawingml/2006/main">
                  <a:graphicData uri="http://schemas.microsoft.com/office/word/2010/wordprocessingShape">
                    <wps:wsp>
                      <wps:cNvSpPr/>
                      <wps:spPr>
                        <a:xfrm>
                          <a:off x="0" y="0"/>
                          <a:ext cx="2952750" cy="876300"/>
                        </a:xfrm>
                        <a:prstGeom prst="ellipse">
                          <a:avLst/>
                        </a:prstGeom>
                        <a:solidFill>
                          <a:srgbClr val="70AD47">
                            <a:lumMod val="20000"/>
                            <a:lumOff val="80000"/>
                          </a:srgbClr>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3F3C06C" id="楕円 270" o:spid="_x0000_s1026" style="position:absolute;left:0;text-align:left;margin-left:291.55pt;margin-top:5.15pt;width:232.5pt;height:69pt;z-index:251794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CGmUjQIAAAUFAAAOAAAAZHJzL2Uyb0RvYy54bWysVFtOGzEU/a/UPVj+L5OkgcCICYqIqCpR&#10;QIKKb8fjyVjyq7aTCV0AO+gSurR2HT32TICWflX9cXwfc+69x+fm9GynFdkKH6Q1FR0fjCgRhtta&#10;mnVFP99dvDumJERmaqasERV9EIGezd++Oe1cKSa2taoWngDEhLJzFW1jdGVRBN4KzcKBdcIg2Fiv&#10;WYTp10XtWQd0rYrJaHRUdNbXzlsuQoB32QfpPOM3jeDxummCiERVFL3FfPp8rtJZzE9ZufbMtZIP&#10;bbB/6EIzaVD0CWrJIiMbL19Bacm9DbaJB9zqwjaN5CLPgGnGoz+muW2ZE3kWkBPcE03h/8Hyq+2N&#10;J7Ku6GQGfgzTeKSf37/9eHwkyQN+OhdKpN26Gz9YAdc07K7xOv1iDLLLnD48cSp2kXA4JyeHk9kh&#10;oDlix7Oj96MMWjx/7XyIH4TVJF0qKpSSLqSxWcm2lyGiKLL3WckdrJL1hVQqG369OleebBmeeDZa&#10;LKez/K3a6E+27t1QSl+WlXBDEb37eO8Gfuhhcq3f8JUhHZQNMtIQDBptFIu4agfWgllTwtQa4ufR&#10;58LGptaysFLTSxbavlyG7RWnZYTsldTgJDWx50SZNJLIwh1GT/T3hKfbytYPeDBveyUHxy8kilyy&#10;EG+Yh3TRJNYxXuNolEXndrhR0lr/9W/+lA9FIUpJh1XAVF82zAtK1EcDrZ2Mp1PAxmxMD2cTGP5l&#10;ZPUyYjb63OIpxlh8x/M15Ue1vzbe6nts7SJVRYgZjto9f4NxHvsVxd5zsVjkNOyLY/HS3DqewBNP&#10;id673T3zbtBOhOqu7H5tXumnz01fGrvYRNvILK5nXvH6ycCuZR0M/wtpmV/aOev532v+CwAA//8D&#10;AFBLAwQUAAYACAAAACEADJbseN8AAAALAQAADwAAAGRycy9kb3ducmV2LnhtbEyPQU/DMAyF70j8&#10;h8hI3Fgy2qGqazpNIDiNwwZo16wxbVnjVE22ln+Pd2I32+/p+XvFanKdOOMQWk8a5jMFAqnytqVa&#10;w+fH60MGIkRD1nSeUMMvBliVtzeFya0faYvnXawFh1DIjYYmxj6XMlQNOhNmvkdi7dsPzkReh1ra&#10;wYwc7jr5qNSTdKYl/tCYHp8brI67k9MQVbr/2hxlnby8L9abt+34E4dR6/u7ab0EEXGK/2a44DM6&#10;lMx08CeyQXQaFlkyZysLKgFxMag048uBpzRLQJaFvO5Q/gEAAP//AwBQSwECLQAUAAYACAAAACEA&#10;toM4kv4AAADhAQAAEwAAAAAAAAAAAAAAAAAAAAAAW0NvbnRlbnRfVHlwZXNdLnhtbFBLAQItABQA&#10;BgAIAAAAIQA4/SH/1gAAAJQBAAALAAAAAAAAAAAAAAAAAC8BAABfcmVscy8ucmVsc1BLAQItABQA&#10;BgAIAAAAIQAfCGmUjQIAAAUFAAAOAAAAAAAAAAAAAAAAAC4CAABkcnMvZTJvRG9jLnhtbFBLAQIt&#10;ABQABgAIAAAAIQAMlux43wAAAAsBAAAPAAAAAAAAAAAAAAAAAOcEAABkcnMvZG93bnJldi54bWxQ&#10;SwUGAAAAAAQABADzAAAA8wUAAAAA&#10;" fillcolor="#e2f0d9" stroked="f" strokeweight="1pt">
                <v:stroke joinstyle="miter"/>
              </v:oval>
            </w:pict>
          </mc:Fallback>
        </mc:AlternateContent>
      </w:r>
      <w:r w:rsidR="00D5352A">
        <w:rPr>
          <w:rFonts w:ascii="BIZ UDPゴシック" w:eastAsia="BIZ UDPゴシック" w:hAnsi="BIZ UDPゴシック" w:hint="eastAsia"/>
          <w:noProof/>
          <w:sz w:val="24"/>
          <w:szCs w:val="24"/>
        </w:rPr>
        <mc:AlternateContent>
          <mc:Choice Requires="wps">
            <w:drawing>
              <wp:anchor distT="0" distB="0" distL="114300" distR="114300" simplePos="0" relativeHeight="251805696" behindDoc="0" locked="0" layoutInCell="1" allowOverlap="1" wp14:anchorId="6B93430F" wp14:editId="407BC3DE">
                <wp:simplePos x="0" y="0"/>
                <wp:positionH relativeFrom="column">
                  <wp:posOffset>90805</wp:posOffset>
                </wp:positionH>
                <wp:positionV relativeFrom="paragraph">
                  <wp:posOffset>179070</wp:posOffset>
                </wp:positionV>
                <wp:extent cx="1981200" cy="1038225"/>
                <wp:effectExtent l="0" t="0" r="38100" b="104775"/>
                <wp:wrapNone/>
                <wp:docPr id="22" name="角丸四角形吹き出し 22"/>
                <wp:cNvGraphicFramePr/>
                <a:graphic xmlns:a="http://schemas.openxmlformats.org/drawingml/2006/main">
                  <a:graphicData uri="http://schemas.microsoft.com/office/word/2010/wordprocessingShape">
                    <wps:wsp>
                      <wps:cNvSpPr/>
                      <wps:spPr>
                        <a:xfrm>
                          <a:off x="0" y="0"/>
                          <a:ext cx="1981200" cy="1038225"/>
                        </a:xfrm>
                        <a:prstGeom prst="wedgeRoundRectCallout">
                          <a:avLst>
                            <a:gd name="adj1" fmla="val 48505"/>
                            <a:gd name="adj2" fmla="val 56499"/>
                            <a:gd name="adj3" fmla="val 16667"/>
                          </a:avLst>
                        </a:prstGeom>
                        <a:solidFill>
                          <a:srgbClr val="4472C4">
                            <a:lumMod val="20000"/>
                            <a:lumOff val="80000"/>
                          </a:srgbClr>
                        </a:solidFill>
                        <a:ln w="12700" cap="flat" cmpd="sng" algn="ctr">
                          <a:solidFill>
                            <a:srgbClr val="5B9BD5">
                              <a:shade val="50000"/>
                            </a:srgbClr>
                          </a:solidFill>
                          <a:prstDash val="solid"/>
                          <a:miter lim="800000"/>
                        </a:ln>
                        <a:effectLst/>
                      </wps:spPr>
                      <wps:txbx>
                        <w:txbxContent>
                          <w:p w14:paraId="15319A27" w14:textId="77777777" w:rsidR="009A47CE" w:rsidRPr="00BE2B88" w:rsidRDefault="009A47CE" w:rsidP="00BE2B88">
                            <w:pPr>
                              <w:spacing w:line="280" w:lineRule="exact"/>
                              <w:jc w:val="center"/>
                              <w:rPr>
                                <w:color w:val="000000" w:themeColor="text1"/>
                                <w:sz w:val="20"/>
                              </w:rPr>
                            </w:pPr>
                            <w:r w:rsidRPr="00BE2B88">
                              <w:rPr>
                                <w:rFonts w:ascii="BIZ UDPゴシック" w:eastAsia="BIZ UDPゴシック" w:hAnsi="BIZ UDPゴシック" w:hint="eastAsia"/>
                                <w:color w:val="000000" w:themeColor="text1"/>
                                <w:szCs w:val="18"/>
                              </w:rPr>
                              <w:t>※この場合は</w:t>
                            </w:r>
                            <w:r w:rsidRPr="00BE2B88">
                              <w:rPr>
                                <w:rFonts w:ascii="BIZ UDPゴシック" w:eastAsia="BIZ UDPゴシック" w:hAnsi="BIZ UDPゴシック"/>
                                <w:color w:val="000000" w:themeColor="text1"/>
                                <w:szCs w:val="18"/>
                              </w:rPr>
                              <w:t>、</w:t>
                            </w:r>
                            <w:r w:rsidRPr="00BE2B88">
                              <w:rPr>
                                <w:rFonts w:ascii="BIZ UDPゴシック" w:eastAsia="BIZ UDPゴシック" w:hAnsi="BIZ UDPゴシック" w:hint="eastAsia"/>
                                <w:color w:val="000000" w:themeColor="text1"/>
                                <w:szCs w:val="18"/>
                              </w:rPr>
                              <w:t>思いの</w:t>
                            </w:r>
                            <w:r w:rsidRPr="00BE2B88">
                              <w:rPr>
                                <w:rFonts w:ascii="BIZ UDPゴシック" w:eastAsia="BIZ UDPゴシック" w:hAnsi="BIZ UDPゴシック"/>
                                <w:color w:val="000000" w:themeColor="text1"/>
                                <w:szCs w:val="18"/>
                              </w:rPr>
                              <w:t>ままに</w:t>
                            </w:r>
                            <w:r w:rsidRPr="00BE2B88">
                              <w:rPr>
                                <w:rFonts w:ascii="BIZ UDPゴシック" w:eastAsia="BIZ UDPゴシック" w:hAnsi="BIZ UDPゴシック" w:hint="eastAsia"/>
                                <w:color w:val="000000" w:themeColor="text1"/>
                                <w:szCs w:val="18"/>
                              </w:rPr>
                              <w:t>歌ったり、簡単な</w:t>
                            </w:r>
                            <w:r w:rsidRPr="00BE2B88">
                              <w:rPr>
                                <w:rFonts w:ascii="BIZ UDPゴシック" w:eastAsia="BIZ UDPゴシック" w:hAnsi="BIZ UDPゴシック"/>
                                <w:color w:val="000000" w:themeColor="text1"/>
                                <w:szCs w:val="18"/>
                              </w:rPr>
                              <w:t>リズム</w:t>
                            </w:r>
                            <w:r w:rsidRPr="00BE2B88">
                              <w:rPr>
                                <w:rFonts w:ascii="BIZ UDPゴシック" w:eastAsia="BIZ UDPゴシック" w:hAnsi="BIZ UDPゴシック" w:hint="eastAsia"/>
                                <w:color w:val="000000" w:themeColor="text1"/>
                                <w:szCs w:val="18"/>
                              </w:rPr>
                              <w:t>楽器で</w:t>
                            </w:r>
                            <w:r w:rsidRPr="00BE2B88">
                              <w:rPr>
                                <w:rFonts w:ascii="BIZ UDPゴシック" w:eastAsia="BIZ UDPゴシック" w:hAnsi="BIZ UDPゴシック"/>
                                <w:color w:val="000000" w:themeColor="text1"/>
                                <w:szCs w:val="18"/>
                              </w:rPr>
                              <w:t>遊んだり</w:t>
                            </w:r>
                            <w:r w:rsidRPr="00BE2B88">
                              <w:rPr>
                                <w:rFonts w:ascii="BIZ UDPゴシック" w:eastAsia="BIZ UDPゴシック" w:hAnsi="BIZ UDPゴシック" w:hint="eastAsia"/>
                                <w:color w:val="000000" w:themeColor="text1"/>
                                <w:szCs w:val="18"/>
                              </w:rPr>
                              <w:t>など、</w:t>
                            </w:r>
                            <w:r w:rsidRPr="00BE2B88">
                              <w:rPr>
                                <w:rFonts w:ascii="BIZ UDPゴシック" w:eastAsia="BIZ UDPゴシック" w:hAnsi="BIZ UDPゴシック"/>
                                <w:color w:val="000000" w:themeColor="text1"/>
                                <w:szCs w:val="18"/>
                              </w:rPr>
                              <w:t>「</w:t>
                            </w:r>
                            <w:r w:rsidRPr="00BE2B88">
                              <w:rPr>
                                <w:rFonts w:ascii="BIZ UDPゴシック" w:eastAsia="BIZ UDPゴシック" w:hAnsi="BIZ UDPゴシック" w:hint="eastAsia"/>
                                <w:color w:val="000000" w:themeColor="text1"/>
                                <w:szCs w:val="18"/>
                              </w:rPr>
                              <w:t>表現する</w:t>
                            </w:r>
                            <w:r w:rsidRPr="00BE2B88">
                              <w:rPr>
                                <w:rFonts w:ascii="BIZ UDPゴシック" w:eastAsia="BIZ UDPゴシック" w:hAnsi="BIZ UDPゴシック"/>
                                <w:color w:val="000000" w:themeColor="text1"/>
                                <w:szCs w:val="18"/>
                              </w:rPr>
                              <w:t>楽しさを味わう</w:t>
                            </w:r>
                            <w:r w:rsidRPr="00BE2B88">
                              <w:rPr>
                                <w:rFonts w:ascii="BIZ UDPゴシック" w:eastAsia="BIZ UDPゴシック" w:hAnsi="BIZ UDPゴシック" w:hint="eastAsia"/>
                                <w:color w:val="000000" w:themeColor="text1"/>
                                <w:szCs w:val="18"/>
                              </w:rPr>
                              <w:t>」</w:t>
                            </w:r>
                            <w:r w:rsidRPr="00BE2B88">
                              <w:rPr>
                                <w:rFonts w:ascii="BIZ UDPゴシック" w:eastAsia="BIZ UDPゴシック" w:hAnsi="BIZ UDPゴシック"/>
                                <w:color w:val="000000" w:themeColor="text1"/>
                                <w:szCs w:val="18"/>
                              </w:rPr>
                              <w:t>ことです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B93430F" id="_x0000_t62" coordsize="21600,21600" o:spt="62" adj="1350,25920" path="m3600,qx,3600l0@8@12@24,0@9,,18000qy3600,21600l@6,21600@15@27@7,21600,18000,21600qx21600,18000l21600@9@18@30,21600@8,21600,3600qy18000,l@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textboxrect="791,791,20809,20809"/>
                <v:handles>
                  <v:h position="#0,#1"/>
                </v:handles>
              </v:shapetype>
              <v:shape id="角丸四角形吹き出し 22" o:spid="_x0000_s1033" type="#_x0000_t62" style="position:absolute;left:0;text-align:left;margin-left:7.15pt;margin-top:14.1pt;width:156pt;height:81.75pt;z-index:251805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VtI6CwMAAPgFAAAOAAAAZHJzL2Uyb0RvYy54bWysVMlu00AYviPxDqO5U8eus6pOFRIVIZW2&#10;aot6nozHsdEsZmYSp9x64oSEuHDojQuvUJB4mhKJx+CfsbMUOCDExf63+ZfvXw4Ol4KjBdOmUDLB&#10;4V4LIyapSgs5S/DLy6MnPYyMJTIlXEmW4Gtm8OHw8aODqhywSOWKp0wjcCLNoCoTnFtbDoLA0JwJ&#10;YvZUySQoM6UFscDqWZBqUoF3wYOo1eoEldJpqRVlxoB0Uivx0PvPMkbtaZYZZhFPMORm/Vf779R9&#10;g+EBGcw0KfOCNmmQf8hCkEJC0I2rCbEEzXXxmytRUK2MyuweVSJQWVZQ5muAasLWL9Vc5KRkvhYA&#10;x5QbmMz/c0tPFmcaFWmCowgjSQT06MfnD9/v7la3t0Csvn1avf9yf/Nu9fbr/c1HBFYAWVWaAby8&#10;KM90wxkgXf3LTAv3h8rQ0sN8vYGZLS2iIAz7vRB6hxEFXdja70VR23kNts9LbewzpgRyRIIrls7Y&#10;uZrL9Bw6Oiacq7n1eJPFsbEe+LTJnqSvQowywaGPC8JR3Gu3vHtozo4NVLu1aXfifr+ZhR2b/V2b&#10;sNPpdJs0m6iQ8DpRl4JRvEiPCs49o2fTMdcIUkhwHHejcewT5nPxQqW1GEAAGPwIghgGtRb31mLw&#10;b2o3HpwH/rlEFaAXdT2QBFYn48QCpqKEZho5w4jwGewktdoHfvC6cVvHaz/tP520a6OcpKyR/k0W&#10;rvwJMXn9xIeo6xGFhb3mhUiwL8eXCfVw6cBhfjOhc67rbpjq8XGUXU6Xfh47zpGTTFV6DTOqVb28&#10;pqRHBYQ9JsaeEQ1dhkmCC2RP4ZNxBaiohsIoV/rNn+TOHpYItBhVsP2A2Os50Qwj/lzCevXDOHbn&#10;wjNxuxsBo3c1012NnIuxgjbD3EF2nnT2lq/JTCtxBYdq5KKCikgKseveNMzY1lcJTh1lo5E3gxNR&#10;EnssL0rqnDvkHOCXyyuiy2Y1LGzViVpfCjLwo1kv09bWvZRqNLcqKzaY17g2DYDz4mesOYXufu3y&#10;3mp7sIc/AQAA//8DAFBLAwQUAAYACAAAACEA+pELCN8AAAAJAQAADwAAAGRycy9kb3ducmV2Lnht&#10;bEyPwU7DMBBE70j8g7VI3KjTBEob4lSopajigESDOLvxNomI15Httunfs5zgOPtGszPFcrS9OKEP&#10;nSMF00kCAql2pqNGwWe1uZuDCFGT0b0jVHDBAMvy+qrQuXFn+sDTLjaCQyjkWkEb45BLGeoWrQ4T&#10;NyAxOzhvdWTpG2m8PnO47WWaJDNpdUf8odUDrlqsv3dHq6C7vNQPX+vN6m29zfx79bo4VDEqdXsz&#10;Pj+BiDjGPzP81ufqUHKnvTuSCaJnfZ+xU0E6T0Ewz9IZH/YMFtNHkGUh/y8ofwAAAP//AwBQSwEC&#10;LQAUAAYACAAAACEAtoM4kv4AAADhAQAAEwAAAAAAAAAAAAAAAAAAAAAAW0NvbnRlbnRfVHlwZXNd&#10;LnhtbFBLAQItABQABgAIAAAAIQA4/SH/1gAAAJQBAAALAAAAAAAAAAAAAAAAAC8BAABfcmVscy8u&#10;cmVsc1BLAQItABQABgAIAAAAIQAmVtI6CwMAAPgFAAAOAAAAAAAAAAAAAAAAAC4CAABkcnMvZTJv&#10;RG9jLnhtbFBLAQItABQABgAIAAAAIQD6kQsI3wAAAAkBAAAPAAAAAAAAAAAAAAAAAGUFAABkcnMv&#10;ZG93bnJldi54bWxQSwUGAAAAAAQABADzAAAAcQYAAAAA&#10;" adj="21277,23004" fillcolor="#dae3f3" strokecolor="#41719c" strokeweight="1pt">
                <v:textbox>
                  <w:txbxContent>
                    <w:p w14:paraId="15319A27" w14:textId="77777777" w:rsidR="009A47CE" w:rsidRPr="00BE2B88" w:rsidRDefault="009A47CE" w:rsidP="00BE2B88">
                      <w:pPr>
                        <w:spacing w:line="280" w:lineRule="exact"/>
                        <w:jc w:val="center"/>
                        <w:rPr>
                          <w:color w:val="000000" w:themeColor="text1"/>
                          <w:sz w:val="20"/>
                        </w:rPr>
                      </w:pPr>
                      <w:r w:rsidRPr="00BE2B88">
                        <w:rPr>
                          <w:rFonts w:ascii="BIZ UDPゴシック" w:eastAsia="BIZ UDPゴシック" w:hAnsi="BIZ UDPゴシック" w:hint="eastAsia"/>
                          <w:color w:val="000000" w:themeColor="text1"/>
                          <w:szCs w:val="18"/>
                        </w:rPr>
                        <w:t>※この場合は</w:t>
                      </w:r>
                      <w:r w:rsidRPr="00BE2B88">
                        <w:rPr>
                          <w:rFonts w:ascii="BIZ UDPゴシック" w:eastAsia="BIZ UDPゴシック" w:hAnsi="BIZ UDPゴシック"/>
                          <w:color w:val="000000" w:themeColor="text1"/>
                          <w:szCs w:val="18"/>
                        </w:rPr>
                        <w:t>、</w:t>
                      </w:r>
                      <w:r w:rsidRPr="00BE2B88">
                        <w:rPr>
                          <w:rFonts w:ascii="BIZ UDPゴシック" w:eastAsia="BIZ UDPゴシック" w:hAnsi="BIZ UDPゴシック" w:hint="eastAsia"/>
                          <w:color w:val="000000" w:themeColor="text1"/>
                          <w:szCs w:val="18"/>
                        </w:rPr>
                        <w:t>思いの</w:t>
                      </w:r>
                      <w:r w:rsidRPr="00BE2B88">
                        <w:rPr>
                          <w:rFonts w:ascii="BIZ UDPゴシック" w:eastAsia="BIZ UDPゴシック" w:hAnsi="BIZ UDPゴシック"/>
                          <w:color w:val="000000" w:themeColor="text1"/>
                          <w:szCs w:val="18"/>
                        </w:rPr>
                        <w:t>ままに</w:t>
                      </w:r>
                      <w:r w:rsidRPr="00BE2B88">
                        <w:rPr>
                          <w:rFonts w:ascii="BIZ UDPゴシック" w:eastAsia="BIZ UDPゴシック" w:hAnsi="BIZ UDPゴシック" w:hint="eastAsia"/>
                          <w:color w:val="000000" w:themeColor="text1"/>
                          <w:szCs w:val="18"/>
                        </w:rPr>
                        <w:t>歌ったり、簡単な</w:t>
                      </w:r>
                      <w:r w:rsidRPr="00BE2B88">
                        <w:rPr>
                          <w:rFonts w:ascii="BIZ UDPゴシック" w:eastAsia="BIZ UDPゴシック" w:hAnsi="BIZ UDPゴシック"/>
                          <w:color w:val="000000" w:themeColor="text1"/>
                          <w:szCs w:val="18"/>
                        </w:rPr>
                        <w:t>リズム</w:t>
                      </w:r>
                      <w:r w:rsidRPr="00BE2B88">
                        <w:rPr>
                          <w:rFonts w:ascii="BIZ UDPゴシック" w:eastAsia="BIZ UDPゴシック" w:hAnsi="BIZ UDPゴシック" w:hint="eastAsia"/>
                          <w:color w:val="000000" w:themeColor="text1"/>
                          <w:szCs w:val="18"/>
                        </w:rPr>
                        <w:t>楽器で</w:t>
                      </w:r>
                      <w:r w:rsidRPr="00BE2B88">
                        <w:rPr>
                          <w:rFonts w:ascii="BIZ UDPゴシック" w:eastAsia="BIZ UDPゴシック" w:hAnsi="BIZ UDPゴシック"/>
                          <w:color w:val="000000" w:themeColor="text1"/>
                          <w:szCs w:val="18"/>
                        </w:rPr>
                        <w:t>遊んだり</w:t>
                      </w:r>
                      <w:r w:rsidRPr="00BE2B88">
                        <w:rPr>
                          <w:rFonts w:ascii="BIZ UDPゴシック" w:eastAsia="BIZ UDPゴシック" w:hAnsi="BIZ UDPゴシック" w:hint="eastAsia"/>
                          <w:color w:val="000000" w:themeColor="text1"/>
                          <w:szCs w:val="18"/>
                        </w:rPr>
                        <w:t>など、</w:t>
                      </w:r>
                      <w:r w:rsidRPr="00BE2B88">
                        <w:rPr>
                          <w:rFonts w:ascii="BIZ UDPゴシック" w:eastAsia="BIZ UDPゴシック" w:hAnsi="BIZ UDPゴシック"/>
                          <w:color w:val="000000" w:themeColor="text1"/>
                          <w:szCs w:val="18"/>
                        </w:rPr>
                        <w:t>「</w:t>
                      </w:r>
                      <w:r w:rsidRPr="00BE2B88">
                        <w:rPr>
                          <w:rFonts w:ascii="BIZ UDPゴシック" w:eastAsia="BIZ UDPゴシック" w:hAnsi="BIZ UDPゴシック" w:hint="eastAsia"/>
                          <w:color w:val="000000" w:themeColor="text1"/>
                          <w:szCs w:val="18"/>
                        </w:rPr>
                        <w:t>表現する</w:t>
                      </w:r>
                      <w:r w:rsidRPr="00BE2B88">
                        <w:rPr>
                          <w:rFonts w:ascii="BIZ UDPゴシック" w:eastAsia="BIZ UDPゴシック" w:hAnsi="BIZ UDPゴシック"/>
                          <w:color w:val="000000" w:themeColor="text1"/>
                          <w:szCs w:val="18"/>
                        </w:rPr>
                        <w:t>楽しさを味わう</w:t>
                      </w:r>
                      <w:r w:rsidRPr="00BE2B88">
                        <w:rPr>
                          <w:rFonts w:ascii="BIZ UDPゴシック" w:eastAsia="BIZ UDPゴシック" w:hAnsi="BIZ UDPゴシック" w:hint="eastAsia"/>
                          <w:color w:val="000000" w:themeColor="text1"/>
                          <w:szCs w:val="18"/>
                        </w:rPr>
                        <w:t>」</w:t>
                      </w:r>
                      <w:r w:rsidRPr="00BE2B88">
                        <w:rPr>
                          <w:rFonts w:ascii="BIZ UDPゴシック" w:eastAsia="BIZ UDPゴシック" w:hAnsi="BIZ UDPゴシック"/>
                          <w:color w:val="000000" w:themeColor="text1"/>
                          <w:szCs w:val="18"/>
                        </w:rPr>
                        <w:t>ことですね</w:t>
                      </w:r>
                    </w:p>
                  </w:txbxContent>
                </v:textbox>
              </v:shape>
            </w:pict>
          </mc:Fallback>
        </mc:AlternateContent>
      </w:r>
    </w:p>
    <w:p w14:paraId="03363A58" w14:textId="70451BDD" w:rsidR="004800F3" w:rsidRDefault="004800F3" w:rsidP="00CA1C0B">
      <w:pPr>
        <w:spacing w:line="276" w:lineRule="auto"/>
        <w:ind w:firstLineChars="100" w:firstLine="240"/>
        <w:rPr>
          <w:rFonts w:ascii="BIZ UDPゴシック" w:eastAsia="BIZ UDPゴシック" w:hAnsi="BIZ UDPゴシック"/>
          <w:sz w:val="24"/>
          <w:szCs w:val="24"/>
        </w:rPr>
      </w:pPr>
    </w:p>
    <w:p w14:paraId="5268E2DD" w14:textId="0081F667" w:rsidR="004800F3" w:rsidRDefault="00ED5B44" w:rsidP="00767EAA">
      <w:pPr>
        <w:spacing w:line="276" w:lineRule="auto"/>
        <w:ind w:firstLineChars="1200" w:firstLine="2520"/>
        <w:rPr>
          <w:rFonts w:ascii="BIZ UDPゴシック" w:eastAsia="BIZ UDPゴシック" w:hAnsi="BIZ UDPゴシック"/>
          <w:sz w:val="24"/>
          <w:szCs w:val="24"/>
        </w:rPr>
      </w:pPr>
      <w:r w:rsidRPr="00010A69">
        <w:rPr>
          <w:rFonts w:ascii="BIZ UDPゴシック" w:eastAsia="BIZ UDPゴシック" w:hAnsi="BIZ UDPゴシック"/>
          <w:noProof/>
        </w:rPr>
        <mc:AlternateContent>
          <mc:Choice Requires="wps">
            <w:drawing>
              <wp:anchor distT="0" distB="0" distL="114300" distR="114300" simplePos="0" relativeHeight="251802624" behindDoc="0" locked="0" layoutInCell="1" allowOverlap="1" wp14:anchorId="5E9E99C4" wp14:editId="1E38D14C">
                <wp:simplePos x="0" y="0"/>
                <wp:positionH relativeFrom="column">
                  <wp:posOffset>2157730</wp:posOffset>
                </wp:positionH>
                <wp:positionV relativeFrom="paragraph">
                  <wp:posOffset>243839</wp:posOffset>
                </wp:positionV>
                <wp:extent cx="1838325" cy="742950"/>
                <wp:effectExtent l="19050" t="19050" r="28575" b="38100"/>
                <wp:wrapNone/>
                <wp:docPr id="18" name="角丸四角形吹き出し 18"/>
                <wp:cNvGraphicFramePr/>
                <a:graphic xmlns:a="http://schemas.openxmlformats.org/drawingml/2006/main">
                  <a:graphicData uri="http://schemas.microsoft.com/office/word/2010/wordprocessingShape">
                    <wps:wsp>
                      <wps:cNvSpPr/>
                      <wps:spPr>
                        <a:xfrm>
                          <a:off x="0" y="0"/>
                          <a:ext cx="1838325" cy="742950"/>
                        </a:xfrm>
                        <a:prstGeom prst="wedgeRoundRectCallout">
                          <a:avLst>
                            <a:gd name="adj1" fmla="val -20833"/>
                            <a:gd name="adj2" fmla="val 49469"/>
                            <a:gd name="adj3" fmla="val 16667"/>
                          </a:avLst>
                        </a:prstGeom>
                        <a:solidFill>
                          <a:sysClr val="window" lastClr="FFFFFF"/>
                        </a:solidFill>
                        <a:ln w="38100" cap="flat" cmpd="sng" algn="ctr">
                          <a:solidFill>
                            <a:srgbClr val="00B050"/>
                          </a:solidFill>
                          <a:prstDash val="solid"/>
                          <a:miter lim="800000"/>
                        </a:ln>
                        <a:effectLst/>
                      </wps:spPr>
                      <wps:txbx>
                        <w:txbxContent>
                          <w:p w14:paraId="62C3DA4B" w14:textId="77777777" w:rsidR="005F18AA" w:rsidRPr="005F18AA" w:rsidRDefault="005F18AA" w:rsidP="005F18AA">
                            <w:pPr>
                              <w:rPr>
                                <w:rFonts w:ascii="BIZ UDPゴシック" w:eastAsia="BIZ UDPゴシック" w:hAnsi="BIZ UDPゴシック"/>
                                <w:b/>
                                <w:color w:val="FF0000"/>
                                <w:sz w:val="22"/>
                                <w:szCs w:val="20"/>
                              </w:rPr>
                            </w:pPr>
                            <w:r w:rsidRPr="005F18AA">
                              <w:rPr>
                                <w:rFonts w:ascii="BIZ UDPゴシック" w:eastAsia="BIZ UDPゴシック" w:hAnsi="BIZ UDPゴシック" w:hint="eastAsia"/>
                                <w:b/>
                                <w:color w:val="FF0000"/>
                                <w:sz w:val="22"/>
                                <w:szCs w:val="20"/>
                              </w:rPr>
                              <w:t>自分の気持ちを</w:t>
                            </w:r>
                          </w:p>
                          <w:p w14:paraId="0E9A4A23" w14:textId="77777777" w:rsidR="005F18AA" w:rsidRPr="005F18AA" w:rsidRDefault="005F18AA" w:rsidP="00B70FE5">
                            <w:pPr>
                              <w:rPr>
                                <w:rFonts w:ascii="BIZ UDPゴシック" w:eastAsia="BIZ UDPゴシック" w:hAnsi="BIZ UDPゴシック"/>
                                <w:b/>
                                <w:color w:val="FF0000"/>
                                <w:sz w:val="22"/>
                                <w:szCs w:val="20"/>
                              </w:rPr>
                            </w:pPr>
                            <w:r w:rsidRPr="005F18AA">
                              <w:rPr>
                                <w:rFonts w:ascii="BIZ UDPゴシック" w:eastAsia="BIZ UDPゴシック" w:hAnsi="BIZ UDPゴシック" w:hint="eastAsia"/>
                                <w:b/>
                                <w:color w:val="FF0000"/>
                                <w:sz w:val="22"/>
                                <w:szCs w:val="20"/>
                              </w:rPr>
                              <w:t>自分の</w:t>
                            </w:r>
                            <w:r w:rsidR="006C4A99" w:rsidRPr="00BE2B88">
                              <w:rPr>
                                <w:rFonts w:ascii="BIZ UDPゴシック" w:eastAsia="BIZ UDPゴシック" w:hAnsi="BIZ UDPゴシック" w:hint="eastAsia"/>
                                <w:b/>
                                <w:color w:val="FF0000"/>
                                <w:sz w:val="18"/>
                                <w:szCs w:val="18"/>
                              </w:rPr>
                              <w:t>※</w:t>
                            </w:r>
                            <w:r w:rsidRPr="005F18AA">
                              <w:rPr>
                                <w:rFonts w:ascii="BIZ UDPゴシック" w:eastAsia="BIZ UDPゴシック" w:hAnsi="BIZ UDPゴシック" w:hint="eastAsia"/>
                                <w:b/>
                                <w:color w:val="FF0000"/>
                                <w:sz w:val="22"/>
                                <w:szCs w:val="20"/>
                              </w:rPr>
                              <w:t>言葉で表現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E9E99C4" id="角丸四角形吹き出し 18" o:spid="_x0000_s1034" type="#_x0000_t62" style="position:absolute;left:0;text-align:left;margin-left:169.9pt;margin-top:19.2pt;width:144.75pt;height:58.5pt;z-index:251802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suwh7gIAAK4FAAAOAAAAZHJzL2Uyb0RvYy54bWysVEtvEzEQviPxHyzf2908miZRN1VIFYRU&#10;tVVb1LPj9SZGfmE72YRbT5yQEBcOvXHhLxQkfk2JxM9g7N2mKeWE2IN3xjOexzePg8OlFGjBrONa&#10;Zbixm2LEFNU5V9MMv74c73Qxcp6onAitWIZXzOHDwfNnB6Xps6aeaZEzi8CIcv3SZHjmvekniaMz&#10;Jonb1YYpEBbaSuKBtdMkt6QE61IkzTTtJKW2ubGaMufg9qgS4kG0XxSM+tOicMwjkWGIzcfTxnMS&#10;zmRwQPpTS8yM0zoM8g9RSMIVON2YOiKeoLnlT0xJTq12uvC7VMtEFwWnLOYA2TTSP7K5mBHDYi4A&#10;jjMbmNz/M0tPFmcW8RxqB5VSREKNfn399PP2dn1zA8T6x5f1x2931x/W77/fXX9GoAWQlcb14eWF&#10;ObM154AM+S8LK8MfMkPLCPNqAzNbekThstFtdVvNPYwoyPbbzd5erEPy8NpY518yLVEgMlyyfMrO&#10;9Vzl51DQERFCz32EmyyOnY+453XwJH/TwKiQAsq4IALtNNNuq1XXeUupua3U7rU7vac6rW2dRqfT&#10;2Q86EGftFqj7SEMMTguej7kQkVm5kbAIQoD4ucp1iZEgzsNlhsfxq409eiYUKjPc6jZS6FZKYCIK&#10;QTyQ0kCNnJpiRMQURo16GxF49NrZ6WTjNU1fpBtkH6mFoI+Im1XRRVGVvOQeplFwmeFuGr46RKFC&#10;SizOEwAeQAgtUBU9UH45WcYu2rTHROcr6Cyrq5Fzho45uD0GCM6IheJAfrA3/CkchdCQtK4pjGba&#10;vvvbfdCH1gcpRiXMLADydk4sA2RfKRiKXqPdDkMemfbefhMYuy2ZbEvUXI40VAfaBaKLZND34p4s&#10;rJZXsF6GwSuIiKLgu4K+Zka+2iWwoCgbDqMaDLYh/lhdGBqMB+QC4JfLK2JN3dEeZuFE38933VBV&#10;bz3ohpdKD+deF3yDeYVrXQBYCrEf6wUWts42H7Ue1uzgNwAAAP//AwBQSwMEFAAGAAgAAAAhACZO&#10;56zeAAAACgEAAA8AAABkcnMvZG93bnJldi54bWxMj8FOwzAMhu9IvENkJG4spd3GVppOCMFx0ui4&#10;cEsbr6nWOFWTbeXt8U7jZsuffn9/sZlcL844hs6TgudZAgKp8aajVsH3/vNpBSJETUb3nlDBLwbY&#10;lPd3hc6Nv9AXnqvYCg6hkGsFNsYhlzI0Fp0OMz8g8e3gR6cjr2MrzagvHO56mSbJUjrdEX+wesB3&#10;i82xOjkF2508uv1PL+sXWX2k9WFLdheVenyY3l5BRJziDYarPqtDyU61P5EJoleQZWtWjzys5iAY&#10;WKbrDETN5GIxB1kW8n+F8g8AAP//AwBQSwECLQAUAAYACAAAACEAtoM4kv4AAADhAQAAEwAAAAAA&#10;AAAAAAAAAAAAAAAAW0NvbnRlbnRfVHlwZXNdLnhtbFBLAQItABQABgAIAAAAIQA4/SH/1gAAAJQB&#10;AAALAAAAAAAAAAAAAAAAAC8BAABfcmVscy8ucmVsc1BLAQItABQABgAIAAAAIQDzsuwh7gIAAK4F&#10;AAAOAAAAAAAAAAAAAAAAAC4CAABkcnMvZTJvRG9jLnhtbFBLAQItABQABgAIAAAAIQAmTues3gAA&#10;AAoBAAAPAAAAAAAAAAAAAAAAAEgFAABkcnMvZG93bnJldi54bWxQSwUGAAAAAAQABADzAAAAUwYA&#10;AAAA&#10;" adj="6300,21485" fillcolor="window" strokecolor="#00b050" strokeweight="3pt">
                <v:textbox>
                  <w:txbxContent>
                    <w:p w14:paraId="62C3DA4B" w14:textId="77777777" w:rsidR="005F18AA" w:rsidRPr="005F18AA" w:rsidRDefault="005F18AA" w:rsidP="005F18AA">
                      <w:pPr>
                        <w:rPr>
                          <w:rFonts w:ascii="BIZ UDPゴシック" w:eastAsia="BIZ UDPゴシック" w:hAnsi="BIZ UDPゴシック"/>
                          <w:b/>
                          <w:color w:val="FF0000"/>
                          <w:sz w:val="22"/>
                          <w:szCs w:val="20"/>
                        </w:rPr>
                      </w:pPr>
                      <w:r w:rsidRPr="005F18AA">
                        <w:rPr>
                          <w:rFonts w:ascii="BIZ UDPゴシック" w:eastAsia="BIZ UDPゴシック" w:hAnsi="BIZ UDPゴシック" w:hint="eastAsia"/>
                          <w:b/>
                          <w:color w:val="FF0000"/>
                          <w:sz w:val="22"/>
                          <w:szCs w:val="20"/>
                        </w:rPr>
                        <w:t>自分の気持ちを</w:t>
                      </w:r>
                    </w:p>
                    <w:p w14:paraId="0E9A4A23" w14:textId="77777777" w:rsidR="005F18AA" w:rsidRPr="005F18AA" w:rsidRDefault="005F18AA" w:rsidP="00B70FE5">
                      <w:pPr>
                        <w:rPr>
                          <w:rFonts w:ascii="BIZ UDPゴシック" w:eastAsia="BIZ UDPゴシック" w:hAnsi="BIZ UDPゴシック"/>
                          <w:b/>
                          <w:color w:val="FF0000"/>
                          <w:sz w:val="22"/>
                          <w:szCs w:val="20"/>
                        </w:rPr>
                      </w:pPr>
                      <w:r w:rsidRPr="005F18AA">
                        <w:rPr>
                          <w:rFonts w:ascii="BIZ UDPゴシック" w:eastAsia="BIZ UDPゴシック" w:hAnsi="BIZ UDPゴシック" w:hint="eastAsia"/>
                          <w:b/>
                          <w:color w:val="FF0000"/>
                          <w:sz w:val="22"/>
                          <w:szCs w:val="20"/>
                        </w:rPr>
                        <w:t>自分の</w:t>
                      </w:r>
                      <w:r w:rsidR="006C4A99" w:rsidRPr="00BE2B88">
                        <w:rPr>
                          <w:rFonts w:ascii="BIZ UDPゴシック" w:eastAsia="BIZ UDPゴシック" w:hAnsi="BIZ UDPゴシック" w:hint="eastAsia"/>
                          <w:b/>
                          <w:color w:val="FF0000"/>
                          <w:sz w:val="18"/>
                          <w:szCs w:val="18"/>
                        </w:rPr>
                        <w:t>※</w:t>
                      </w:r>
                      <w:r w:rsidRPr="005F18AA">
                        <w:rPr>
                          <w:rFonts w:ascii="BIZ UDPゴシック" w:eastAsia="BIZ UDPゴシック" w:hAnsi="BIZ UDPゴシック" w:hint="eastAsia"/>
                          <w:b/>
                          <w:color w:val="FF0000"/>
                          <w:sz w:val="22"/>
                          <w:szCs w:val="20"/>
                        </w:rPr>
                        <w:t>言葉で表現する</w:t>
                      </w:r>
                    </w:p>
                  </w:txbxContent>
                </v:textbox>
              </v:shape>
            </w:pict>
          </mc:Fallback>
        </mc:AlternateContent>
      </w:r>
    </w:p>
    <w:p w14:paraId="1CD4082A" w14:textId="164A2AEA" w:rsidR="004800F3" w:rsidRDefault="000201D2" w:rsidP="00767EAA">
      <w:pPr>
        <w:spacing w:line="276" w:lineRule="auto"/>
        <w:ind w:firstLineChars="1200" w:firstLine="2880"/>
        <w:rPr>
          <w:rFonts w:ascii="BIZ UDPゴシック" w:eastAsia="BIZ UDPゴシック" w:hAnsi="BIZ UDPゴシック"/>
          <w:sz w:val="24"/>
          <w:szCs w:val="24"/>
        </w:rPr>
      </w:pPr>
      <w:r>
        <w:rPr>
          <w:rFonts w:ascii="BIZ UDPゴシック" w:eastAsia="BIZ UDPゴシック" w:hAnsi="BIZ UDPゴシック" w:hint="eastAsia"/>
          <w:noProof/>
          <w:sz w:val="24"/>
          <w:szCs w:val="24"/>
        </w:rPr>
        <mc:AlternateContent>
          <mc:Choice Requires="wps">
            <w:drawing>
              <wp:anchor distT="0" distB="0" distL="114300" distR="114300" simplePos="0" relativeHeight="251807744" behindDoc="0" locked="0" layoutInCell="1" allowOverlap="1" wp14:anchorId="5AC228CC" wp14:editId="6E9B1B7F">
                <wp:simplePos x="0" y="0"/>
                <wp:positionH relativeFrom="column">
                  <wp:posOffset>4424680</wp:posOffset>
                </wp:positionH>
                <wp:positionV relativeFrom="paragraph">
                  <wp:posOffset>238126</wp:posOffset>
                </wp:positionV>
                <wp:extent cx="2038350" cy="895350"/>
                <wp:effectExtent l="0" t="0" r="19050" b="247650"/>
                <wp:wrapNone/>
                <wp:docPr id="26" name="角丸四角形吹き出し 26"/>
                <wp:cNvGraphicFramePr/>
                <a:graphic xmlns:a="http://schemas.openxmlformats.org/drawingml/2006/main">
                  <a:graphicData uri="http://schemas.microsoft.com/office/word/2010/wordprocessingShape">
                    <wps:wsp>
                      <wps:cNvSpPr/>
                      <wps:spPr>
                        <a:xfrm>
                          <a:off x="0" y="0"/>
                          <a:ext cx="2038350" cy="895350"/>
                        </a:xfrm>
                        <a:prstGeom prst="wedgeRoundRectCallout">
                          <a:avLst>
                            <a:gd name="adj1" fmla="val -16638"/>
                            <a:gd name="adj2" fmla="val 73131"/>
                            <a:gd name="adj3" fmla="val 16667"/>
                          </a:avLst>
                        </a:prstGeom>
                        <a:solidFill>
                          <a:srgbClr val="4472C4">
                            <a:lumMod val="20000"/>
                            <a:lumOff val="80000"/>
                          </a:srgbClr>
                        </a:solidFill>
                        <a:ln w="12700" cap="flat" cmpd="sng" algn="ctr">
                          <a:solidFill>
                            <a:schemeClr val="accent6">
                              <a:lumMod val="75000"/>
                            </a:schemeClr>
                          </a:solidFill>
                          <a:prstDash val="solid"/>
                          <a:miter lim="800000"/>
                        </a:ln>
                        <a:effectLst/>
                      </wps:spPr>
                      <wps:txbx>
                        <w:txbxContent>
                          <w:p w14:paraId="1B046692" w14:textId="77777777" w:rsidR="00ED5B44" w:rsidRDefault="009A47CE" w:rsidP="00BE2B88">
                            <w:pPr>
                              <w:spacing w:line="280" w:lineRule="exact"/>
                              <w:jc w:val="center"/>
                              <w:rPr>
                                <w:rFonts w:ascii="BIZ UDPゴシック" w:eastAsia="BIZ UDPゴシック" w:hAnsi="BIZ UDPゴシック"/>
                                <w:color w:val="000000" w:themeColor="text1"/>
                                <w:szCs w:val="18"/>
                              </w:rPr>
                            </w:pPr>
                            <w:r w:rsidRPr="00BE2B88">
                              <w:rPr>
                                <w:rFonts w:ascii="BIZ UDPゴシック" w:eastAsia="BIZ UDPゴシック" w:hAnsi="BIZ UDPゴシック" w:hint="eastAsia"/>
                                <w:color w:val="000000" w:themeColor="text1"/>
                                <w:szCs w:val="18"/>
                              </w:rPr>
                              <w:t>音楽的な活動に</w:t>
                            </w:r>
                            <w:r w:rsidRPr="00BE2B88">
                              <w:rPr>
                                <w:rFonts w:ascii="BIZ UDPゴシック" w:eastAsia="BIZ UDPゴシック" w:hAnsi="BIZ UDPゴシック"/>
                                <w:color w:val="000000" w:themeColor="text1"/>
                                <w:szCs w:val="18"/>
                              </w:rPr>
                              <w:t>限らず、遊びや生活の中でこのような経験を重ねることが、協同性</w:t>
                            </w:r>
                            <w:r w:rsidRPr="00BE2B88">
                              <w:rPr>
                                <w:rFonts w:ascii="BIZ UDPゴシック" w:eastAsia="BIZ UDPゴシック" w:hAnsi="BIZ UDPゴシック" w:hint="eastAsia"/>
                                <w:color w:val="000000" w:themeColor="text1"/>
                                <w:szCs w:val="18"/>
                              </w:rPr>
                              <w:t>を</w:t>
                            </w:r>
                          </w:p>
                          <w:p w14:paraId="5C109EA0" w14:textId="390F4CDC" w:rsidR="009A47CE" w:rsidRPr="00BE2B88" w:rsidRDefault="009A47CE" w:rsidP="00BE2B88">
                            <w:pPr>
                              <w:spacing w:line="280" w:lineRule="exact"/>
                              <w:jc w:val="center"/>
                              <w:rPr>
                                <w:color w:val="000000" w:themeColor="text1"/>
                                <w:sz w:val="20"/>
                              </w:rPr>
                            </w:pPr>
                            <w:r w:rsidRPr="00BE2B88">
                              <w:rPr>
                                <w:rFonts w:ascii="BIZ UDPゴシック" w:eastAsia="BIZ UDPゴシック" w:hAnsi="BIZ UDPゴシック"/>
                                <w:color w:val="000000" w:themeColor="text1"/>
                                <w:szCs w:val="18"/>
                              </w:rPr>
                              <w:t>育み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C228CC" id="角丸四角形吹き出し 26" o:spid="_x0000_s1035" type="#_x0000_t62" style="position:absolute;left:0;text-align:left;margin-left:348.4pt;margin-top:18.75pt;width:160.5pt;height:70.5pt;z-index:251807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R6J7CwMAAP4FAAAOAAAAZHJzL2Uyb0RvYy54bWysVM1uEzEQviPxDpbv7Sab30bdVFGqIqTS&#10;Rm1Rz47XmyzyH7Y3m3LriRMS4sKhNy68QkHiaUokHoOxd5OmhBPisjsej8efv29mDo+WgqMFMzZX&#10;MsHN/QZGTFKV5nKW4NdXJ3t9jKwjMiVcSZbgG2bx0fD5s8NSD1is5oqnzCBIIu2g1AmeO6cHUWTp&#10;nAli95VmEjYzZQRxsDSzKDWkhOyCR3Gj0Y1KZVJtFGXWgve42sTDkD/LGHXnWWaZQzzBgM2Frwnf&#10;qf9Gw0MymBmi5zmtYZB/QCFILuHSTapj4ggqTL6TSuTUKKsyt0+ViFSW5ZSFN8Brmo0/XnM5J5qF&#10;twA5Vm9osv8vLT1bTAzK0wTHXYwkEaDRr6+fft7fr+7uwFj9+LL6+O3h9sPq/feH288IooCyUtsB&#10;nLzUE1OvLJj+/cvMCP+Hl6FloPlmQzNbOkTBGTda/VYH1KCw1z/oeBvSRI+ntbHuBVMCeSPBJUtn&#10;7EIVMr0AQceEc1W4QDdZnFoXeE9r8CR908QoExxkXBCO9prdbqtf67wVFG8H9VrNVnM3prUdA3m6&#10;vRpnfS0gXiP1GKzieXqScx4WZjYdc4MAQ4Lb7V48bgfEvBCvVFq5oYAbdQmCGwq1cvfXbshvqzSB&#10;nSf5uUQlNFzcgwyIEmidjBMHptAgppUzjAifQU9SZ8LFT06H/mIbfIRSJl13B2CvUwP0SHxL+iO7&#10;WDwJx8TOK/jhoopMkTvobp4L0Nk/aq0zl54iFvoTBPTi+5KqishbbjldhqoMjHvPVKU3UKlGVS1s&#10;NT3J4dpTYt2EGBAbaIA55M7hk3EF3KjawmiuzLu/+X08tBLsYlTCDADe3hbEMIz4SwlNdtBst/3Q&#10;CIt2pxfDwmzvTLd3ZCHGCsSG8gN0wfTxjq/NzChxDeNq5G+FLSIp3F0pVC/GrppNMPAoG41CGAwK&#10;TdypvNTUJ/fMecKvltfE6LpDHPTWmVrPCzIIBVr11GOsPynVqHAqyzecV7zWAsCQCerWA9FPse11&#10;iHoc28PfAAAA//8DAFBLAwQUAAYACAAAACEAvq5EleEAAAALAQAADwAAAGRycy9kb3ducmV2Lnht&#10;bEyPQUvDQBCF74L/YRnBm920pUkbsykqiIiIGC143O5Ok2B2NmS3afz3Tk96m3nzeO+bYju5Tow4&#10;hNaTgvksAYFkvG2pVvD58XizBhGiJqs7T6jgBwNsy8uLQufWn+gdxyrWgkMo5FpBE2OfSxlMg06H&#10;me+R+Hbwg9OR16GWdtAnDnedXCRJKp1uiRsa3eNDg+a7OjoF97tMmucsPI3jy3Khq9e3YL4OSl1f&#10;TXe3ICJO8c8MZ3xGh5KZ9v5INohOQbpJGT0qWGYrEGdDMs9Y2fOUrVcgy0L+/6H8BQAA//8DAFBL&#10;AQItABQABgAIAAAAIQC2gziS/gAAAOEBAAATAAAAAAAAAAAAAAAAAAAAAABbQ29udGVudF9UeXBl&#10;c10ueG1sUEsBAi0AFAAGAAgAAAAhADj9If/WAAAAlAEAAAsAAAAAAAAAAAAAAAAALwEAAF9yZWxz&#10;Ly5yZWxzUEsBAi0AFAAGAAgAAAAhAJJHonsLAwAA/gUAAA4AAAAAAAAAAAAAAAAALgIAAGRycy9l&#10;Mm9Eb2MueG1sUEsBAi0AFAAGAAgAAAAhAL6uRJXhAAAACwEAAA8AAAAAAAAAAAAAAAAAZQUAAGRy&#10;cy9kb3ducmV2LnhtbFBLBQYAAAAABAAEAPMAAABzBgAAAAA=&#10;" adj="7206,26596" fillcolor="#dae3f3" strokecolor="#538135 [2409]" strokeweight="1pt">
                <v:textbox>
                  <w:txbxContent>
                    <w:p w14:paraId="1B046692" w14:textId="77777777" w:rsidR="00ED5B44" w:rsidRDefault="009A47CE" w:rsidP="00BE2B88">
                      <w:pPr>
                        <w:spacing w:line="280" w:lineRule="exact"/>
                        <w:jc w:val="center"/>
                        <w:rPr>
                          <w:rFonts w:ascii="BIZ UDPゴシック" w:eastAsia="BIZ UDPゴシック" w:hAnsi="BIZ UDPゴシック"/>
                          <w:color w:val="000000" w:themeColor="text1"/>
                          <w:szCs w:val="18"/>
                        </w:rPr>
                      </w:pPr>
                      <w:r w:rsidRPr="00BE2B88">
                        <w:rPr>
                          <w:rFonts w:ascii="BIZ UDPゴシック" w:eastAsia="BIZ UDPゴシック" w:hAnsi="BIZ UDPゴシック" w:hint="eastAsia"/>
                          <w:color w:val="000000" w:themeColor="text1"/>
                          <w:szCs w:val="18"/>
                        </w:rPr>
                        <w:t>音楽的な活動に</w:t>
                      </w:r>
                      <w:r w:rsidRPr="00BE2B88">
                        <w:rPr>
                          <w:rFonts w:ascii="BIZ UDPゴシック" w:eastAsia="BIZ UDPゴシック" w:hAnsi="BIZ UDPゴシック"/>
                          <w:color w:val="000000" w:themeColor="text1"/>
                          <w:szCs w:val="18"/>
                        </w:rPr>
                        <w:t>限らず、遊びや生活の中でこのような経験を重ねることが、協同性</w:t>
                      </w:r>
                      <w:r w:rsidRPr="00BE2B88">
                        <w:rPr>
                          <w:rFonts w:ascii="BIZ UDPゴシック" w:eastAsia="BIZ UDPゴシック" w:hAnsi="BIZ UDPゴシック" w:hint="eastAsia"/>
                          <w:color w:val="000000" w:themeColor="text1"/>
                          <w:szCs w:val="18"/>
                        </w:rPr>
                        <w:t>を</w:t>
                      </w:r>
                    </w:p>
                    <w:p w14:paraId="5C109EA0" w14:textId="390F4CDC" w:rsidR="009A47CE" w:rsidRPr="00BE2B88" w:rsidRDefault="009A47CE" w:rsidP="00BE2B88">
                      <w:pPr>
                        <w:spacing w:line="280" w:lineRule="exact"/>
                        <w:jc w:val="center"/>
                        <w:rPr>
                          <w:color w:val="000000" w:themeColor="text1"/>
                          <w:sz w:val="20"/>
                        </w:rPr>
                      </w:pPr>
                      <w:r w:rsidRPr="00BE2B88">
                        <w:rPr>
                          <w:rFonts w:ascii="BIZ UDPゴシック" w:eastAsia="BIZ UDPゴシック" w:hAnsi="BIZ UDPゴシック"/>
                          <w:color w:val="000000" w:themeColor="text1"/>
                          <w:szCs w:val="18"/>
                        </w:rPr>
                        <w:t>育みます</w:t>
                      </w:r>
                    </w:p>
                  </w:txbxContent>
                </v:textbox>
              </v:shape>
            </w:pict>
          </mc:Fallback>
        </mc:AlternateContent>
      </w:r>
    </w:p>
    <w:p w14:paraId="0D49EF81" w14:textId="0EFCE0D6" w:rsidR="00B70FE5" w:rsidRDefault="00B70FE5" w:rsidP="00767EAA">
      <w:pPr>
        <w:spacing w:line="276" w:lineRule="auto"/>
        <w:ind w:firstLineChars="1200" w:firstLine="2880"/>
        <w:rPr>
          <w:rFonts w:ascii="BIZ UDPゴシック" w:eastAsia="BIZ UDPゴシック" w:hAnsi="BIZ UDPゴシック"/>
          <w:sz w:val="24"/>
          <w:szCs w:val="24"/>
        </w:rPr>
      </w:pPr>
    </w:p>
    <w:p w14:paraId="6875DCD6" w14:textId="50433AFB" w:rsidR="00B70FE5" w:rsidRDefault="000201D2" w:rsidP="00767EAA">
      <w:pPr>
        <w:spacing w:line="276" w:lineRule="auto"/>
        <w:ind w:firstLineChars="1200" w:firstLine="2520"/>
        <w:rPr>
          <w:rFonts w:ascii="BIZ UDPゴシック" w:eastAsia="BIZ UDPゴシック" w:hAnsi="BIZ UDPゴシック"/>
          <w:sz w:val="24"/>
          <w:szCs w:val="24"/>
        </w:rPr>
      </w:pPr>
      <w:r w:rsidRPr="00A153EC">
        <w:rPr>
          <w:noProof/>
        </w:rPr>
        <w:drawing>
          <wp:anchor distT="0" distB="0" distL="114300" distR="114300" simplePos="0" relativeHeight="251828224" behindDoc="0" locked="0" layoutInCell="1" allowOverlap="1" wp14:anchorId="3D33179E" wp14:editId="6204E0BC">
            <wp:simplePos x="0" y="0"/>
            <wp:positionH relativeFrom="margin">
              <wp:posOffset>-194310</wp:posOffset>
            </wp:positionH>
            <wp:positionV relativeFrom="paragraph">
              <wp:posOffset>265121</wp:posOffset>
            </wp:positionV>
            <wp:extent cx="923865" cy="523875"/>
            <wp:effectExtent l="0" t="0" r="0" b="0"/>
            <wp:wrapNone/>
            <wp:docPr id="1094" name="図 1094" descr="Z:\64幼児教育\９広報戦略\キャラクター\ことば.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Z:\64幼児教育\９広報戦略\キャラクター\ことば.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923865" cy="523875"/>
                    </a:xfrm>
                    <a:prstGeom prst="rect">
                      <a:avLst/>
                    </a:prstGeom>
                    <a:noFill/>
                    <a:ln>
                      <a:noFill/>
                    </a:ln>
                  </pic:spPr>
                </pic:pic>
              </a:graphicData>
            </a:graphic>
            <wp14:sizeRelH relativeFrom="page">
              <wp14:pctWidth>0</wp14:pctWidth>
            </wp14:sizeRelH>
            <wp14:sizeRelV relativeFrom="page">
              <wp14:pctHeight>0</wp14:pctHeight>
            </wp14:sizeRelV>
          </wp:anchor>
        </w:drawing>
      </w:r>
      <w:r w:rsidR="00D669E8">
        <w:rPr>
          <w:rFonts w:ascii="BIZ UDPゴシック" w:eastAsia="BIZ UDPゴシック" w:hAnsi="BIZ UDPゴシック" w:hint="eastAsia"/>
          <w:noProof/>
          <w:sz w:val="24"/>
          <w:szCs w:val="24"/>
        </w:rPr>
        <mc:AlternateContent>
          <mc:Choice Requires="wps">
            <w:drawing>
              <wp:anchor distT="0" distB="0" distL="114300" distR="114300" simplePos="0" relativeHeight="251803648" behindDoc="0" locked="0" layoutInCell="1" allowOverlap="1" wp14:anchorId="73D1CF53" wp14:editId="5DA67292">
                <wp:simplePos x="0" y="0"/>
                <wp:positionH relativeFrom="column">
                  <wp:posOffset>2472055</wp:posOffset>
                </wp:positionH>
                <wp:positionV relativeFrom="paragraph">
                  <wp:posOffset>264795</wp:posOffset>
                </wp:positionV>
                <wp:extent cx="1752600" cy="523875"/>
                <wp:effectExtent l="0" t="133350" r="19050" b="28575"/>
                <wp:wrapNone/>
                <wp:docPr id="19" name="角丸四角形吹き出し 19"/>
                <wp:cNvGraphicFramePr/>
                <a:graphic xmlns:a="http://schemas.openxmlformats.org/drawingml/2006/main">
                  <a:graphicData uri="http://schemas.microsoft.com/office/word/2010/wordprocessingShape">
                    <wps:wsp>
                      <wps:cNvSpPr/>
                      <wps:spPr>
                        <a:xfrm>
                          <a:off x="0" y="0"/>
                          <a:ext cx="1752600" cy="523875"/>
                        </a:xfrm>
                        <a:prstGeom prst="wedgeRoundRectCallout">
                          <a:avLst>
                            <a:gd name="adj1" fmla="val -22580"/>
                            <a:gd name="adj2" fmla="val -72494"/>
                            <a:gd name="adj3" fmla="val 16667"/>
                          </a:avLst>
                        </a:prstGeom>
                        <a:solidFill>
                          <a:schemeClr val="accent5">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A3D9AD3" w14:textId="77777777" w:rsidR="00B70FE5" w:rsidRPr="00BE2B88" w:rsidRDefault="006C4A99" w:rsidP="00BE2B88">
                            <w:pPr>
                              <w:spacing w:line="280" w:lineRule="exact"/>
                              <w:jc w:val="center"/>
                              <w:rPr>
                                <w:color w:val="000000" w:themeColor="text1"/>
                                <w:sz w:val="20"/>
                              </w:rPr>
                            </w:pPr>
                            <w:r w:rsidRPr="00BE2B88">
                              <w:rPr>
                                <w:rFonts w:ascii="BIZ UDPゴシック" w:eastAsia="BIZ UDPゴシック" w:hAnsi="BIZ UDPゴシック" w:hint="eastAsia"/>
                                <w:color w:val="000000" w:themeColor="text1"/>
                                <w:szCs w:val="18"/>
                              </w:rPr>
                              <w:t>※</w:t>
                            </w:r>
                            <w:r w:rsidR="00B70FE5" w:rsidRPr="00BE2B88">
                              <w:rPr>
                                <w:rFonts w:ascii="BIZ UDPゴシック" w:eastAsia="BIZ UDPゴシック" w:hAnsi="BIZ UDPゴシック" w:hint="eastAsia"/>
                                <w:color w:val="000000" w:themeColor="text1"/>
                                <w:szCs w:val="18"/>
                              </w:rPr>
                              <w:t>この場合は</w:t>
                            </w:r>
                            <w:r w:rsidR="00B70FE5" w:rsidRPr="00BE2B88">
                              <w:rPr>
                                <w:rFonts w:ascii="BIZ UDPゴシック" w:eastAsia="BIZ UDPゴシック" w:hAnsi="BIZ UDPゴシック"/>
                                <w:color w:val="000000" w:themeColor="text1"/>
                                <w:szCs w:val="18"/>
                              </w:rPr>
                              <w:t>、</w:t>
                            </w:r>
                            <w:r w:rsidR="00B70FE5" w:rsidRPr="00BE2B88">
                              <w:rPr>
                                <w:rFonts w:ascii="BIZ UDPゴシック" w:eastAsia="BIZ UDPゴシック" w:hAnsi="BIZ UDPゴシック" w:hint="eastAsia"/>
                                <w:color w:val="000000" w:themeColor="text1"/>
                                <w:szCs w:val="18"/>
                              </w:rPr>
                              <w:t>歌や楽器</w:t>
                            </w:r>
                            <w:r w:rsidR="00B70FE5" w:rsidRPr="00BE2B88">
                              <w:rPr>
                                <w:rFonts w:ascii="BIZ UDPゴシック" w:eastAsia="BIZ UDPゴシック" w:hAnsi="BIZ UDPゴシック"/>
                                <w:color w:val="000000" w:themeColor="text1"/>
                                <w:szCs w:val="18"/>
                              </w:rPr>
                              <w:t>遊びになります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3D1CF53" id="角丸四角形吹き出し 19" o:spid="_x0000_s1036" type="#_x0000_t62" style="position:absolute;left:0;text-align:left;margin-left:194.65pt;margin-top:20.85pt;width:138pt;height:41.25pt;z-index:25180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ItGwDQMAAFoGAAAOAAAAZHJzL2Uyb0RvYy54bWysVU1v0zAYviPxHyzftzRZv1YtnapOQ0hj&#10;m7ahnV3HboMcO9hu03LbaSckxIXDblz4CwOJXzMq8TN47aRpgMEBcUnfL78fz/vRg8NlJtCCaZMq&#10;GeNwt4URk1QlqZzG+OXV8U4fI2OJTIhQksV4xQw+HD59clDkAxapmRIJ0wicSDMo8hjPrM0HQWDo&#10;jGXE7KqcSVBypTNigdXTINGkAO+ZCKJWqxsUSie5VpQZA9KjUomH3j/njNozzg2zSMQYcrP+q/13&#10;4r7B8IAMpprks5RWaZB/yCIjqYSgtasjYgma6/Q3V1lKtTKK212qskBxnlLma4BqwtYv1VzOSM58&#10;LQCOyWuYzP9zS08X5xqlCfRuHyNJMujR90/vv93fr+/ugFh//bh+9/nh5u369svDzQcEVgBZkZsB&#10;vLzMz3XFGSBd/UuuM/cLlaGlh3lVw8yWFlEQhr1O1G1BNyjoOtFev9dxToPt61wb+4ypDDkixgVL&#10;puxCzWVyAQ0dEyHU3Hq4yeLEWI97UiVPklchRjwT0MYFEWgnijr9TZ8bRtFPRr2ovd+uhqFhtNc0&#10;Crvdbq9KtIoLKW9SdUkYJdLkOBXCM26E2VhoBGnEmFDKpO34rMU8e6GSUg5DDFD4MQQxDGsp7m/E&#10;EMIvg/PkMWoECVwfSuQ9ZVeCudBCXjAOTQWsIx+w9tDMJSxVM5KwUtz5Y0zv0HnmUFztu3LwWJ1h&#10;hVNl754yv43149bfEiunoX7hIytp68dZKpV+zIGwdeTSHiBrQONIu5wsy4H3sDvRRCUr2AKtyvNg&#10;cnqcwuCdEGPPiYZBglmFG2fP4MOFKmKsKgqjmdJvHpM7e1hT0GJUwH2JsXk9J5phJJ5LWOD9sN12&#10;B8kz7U4vAkY3NZOmRs6zsYIpgtGG7Dzp7K3YkFyr7BpO4chFBRWRFGLHmFq9Yca2vHtwTCkbjbwZ&#10;HKGc2BN5mVPn3AHtBvpqeU10Xm2fhb09VZtbRAZ+9ssObW3dS6lGc6t4ap1yi2vFwAHz81sdW3ch&#10;m7y32v4lDH8AAAD//wMAUEsDBBQABgAIAAAAIQBKl61Q3wAAAAoBAAAPAAAAZHJzL2Rvd25yZXYu&#10;eG1sTI+xTsMwEIZ3JN7BOiQ26jRp0yTEqRASLLA0MJTtGruJ1diOYicNb88xwXh3n/7/u3K/mJ7N&#10;avTaWQHrVQRM2cZJbVsBnx8vDxkwH9BK7J1VAr6Vh311e1NiId3VHtRch5ZRiPUFCuhCGArOfdMp&#10;g37lBmXpdnajwUDj2HI54pXCTc/jKEq5QW2pocNBPXequdSToV68uPMhe53fpzzJj1/b+k0PWoj7&#10;u+XpEVhQS/iD4Vef1KEip5ObrPSsF5BkeUKogM16B4yANN3S4kRkvImBVyX//0L1AwAA//8DAFBL&#10;AQItABQABgAIAAAAIQC2gziS/gAAAOEBAAATAAAAAAAAAAAAAAAAAAAAAABbQ29udGVudF9UeXBl&#10;c10ueG1sUEsBAi0AFAAGAAgAAAAhADj9If/WAAAAlAEAAAsAAAAAAAAAAAAAAAAALwEAAF9yZWxz&#10;Ly5yZWxzUEsBAi0AFAAGAAgAAAAhAGIi0bANAwAAWgYAAA4AAAAAAAAAAAAAAAAALgIAAGRycy9l&#10;Mm9Eb2MueG1sUEsBAi0AFAAGAAgAAAAhAEqXrVDfAAAACgEAAA8AAAAAAAAAAAAAAAAAZwUAAGRy&#10;cy9kb3ducmV2LnhtbFBLBQYAAAAABAAEAPMAAABzBgAAAAA=&#10;" adj="5923,-4859" fillcolor="#d9e2f3 [664]" strokecolor="#1f4d78 [1604]" strokeweight="1pt">
                <v:textbox>
                  <w:txbxContent>
                    <w:p w14:paraId="3A3D9AD3" w14:textId="77777777" w:rsidR="00B70FE5" w:rsidRPr="00BE2B88" w:rsidRDefault="006C4A99" w:rsidP="00BE2B88">
                      <w:pPr>
                        <w:spacing w:line="280" w:lineRule="exact"/>
                        <w:jc w:val="center"/>
                        <w:rPr>
                          <w:color w:val="000000" w:themeColor="text1"/>
                          <w:sz w:val="20"/>
                        </w:rPr>
                      </w:pPr>
                      <w:r w:rsidRPr="00BE2B88">
                        <w:rPr>
                          <w:rFonts w:ascii="BIZ UDPゴシック" w:eastAsia="BIZ UDPゴシック" w:hAnsi="BIZ UDPゴシック" w:hint="eastAsia"/>
                          <w:color w:val="000000" w:themeColor="text1"/>
                          <w:szCs w:val="18"/>
                        </w:rPr>
                        <w:t>※</w:t>
                      </w:r>
                      <w:r w:rsidR="00B70FE5" w:rsidRPr="00BE2B88">
                        <w:rPr>
                          <w:rFonts w:ascii="BIZ UDPゴシック" w:eastAsia="BIZ UDPゴシック" w:hAnsi="BIZ UDPゴシック" w:hint="eastAsia"/>
                          <w:color w:val="000000" w:themeColor="text1"/>
                          <w:szCs w:val="18"/>
                        </w:rPr>
                        <w:t>この場合は</w:t>
                      </w:r>
                      <w:r w:rsidR="00B70FE5" w:rsidRPr="00BE2B88">
                        <w:rPr>
                          <w:rFonts w:ascii="BIZ UDPゴシック" w:eastAsia="BIZ UDPゴシック" w:hAnsi="BIZ UDPゴシック"/>
                          <w:color w:val="000000" w:themeColor="text1"/>
                          <w:szCs w:val="18"/>
                        </w:rPr>
                        <w:t>、</w:t>
                      </w:r>
                      <w:r w:rsidR="00B70FE5" w:rsidRPr="00BE2B88">
                        <w:rPr>
                          <w:rFonts w:ascii="BIZ UDPゴシック" w:eastAsia="BIZ UDPゴシック" w:hAnsi="BIZ UDPゴシック" w:hint="eastAsia"/>
                          <w:color w:val="000000" w:themeColor="text1"/>
                          <w:szCs w:val="18"/>
                        </w:rPr>
                        <w:t>歌や楽器</w:t>
                      </w:r>
                      <w:r w:rsidR="00B70FE5" w:rsidRPr="00BE2B88">
                        <w:rPr>
                          <w:rFonts w:ascii="BIZ UDPゴシック" w:eastAsia="BIZ UDPゴシック" w:hAnsi="BIZ UDPゴシック"/>
                          <w:color w:val="000000" w:themeColor="text1"/>
                          <w:szCs w:val="18"/>
                        </w:rPr>
                        <w:t>遊びになりますね</w:t>
                      </w:r>
                    </w:p>
                  </w:txbxContent>
                </v:textbox>
              </v:shape>
            </w:pict>
          </mc:Fallback>
        </mc:AlternateContent>
      </w:r>
    </w:p>
    <w:p w14:paraId="0CA5E7B2" w14:textId="2340AA74" w:rsidR="00BE2B88" w:rsidRDefault="000201D2" w:rsidP="00767EAA">
      <w:pPr>
        <w:spacing w:line="276" w:lineRule="auto"/>
        <w:ind w:firstLineChars="1200" w:firstLine="2160"/>
        <w:rPr>
          <w:rFonts w:ascii="BIZ UDPゴシック" w:eastAsia="BIZ UDPゴシック" w:hAnsi="BIZ UDPゴシック"/>
          <w:sz w:val="24"/>
          <w:szCs w:val="24"/>
        </w:rPr>
      </w:pPr>
      <w:r w:rsidRPr="00010A69">
        <w:rPr>
          <w:rFonts w:ascii="BIZ UDPゴシック" w:eastAsia="BIZ UDPゴシック" w:hAnsi="BIZ UDPゴシック"/>
          <w:noProof/>
          <w:sz w:val="18"/>
          <w:szCs w:val="26"/>
        </w:rPr>
        <mc:AlternateContent>
          <mc:Choice Requires="wps">
            <w:drawing>
              <wp:anchor distT="0" distB="0" distL="114300" distR="114300" simplePos="0" relativeHeight="251830272" behindDoc="0" locked="0" layoutInCell="1" allowOverlap="1" wp14:anchorId="3B750994" wp14:editId="1BB0C680">
                <wp:simplePos x="0" y="0"/>
                <wp:positionH relativeFrom="column">
                  <wp:posOffset>661670</wp:posOffset>
                </wp:positionH>
                <wp:positionV relativeFrom="paragraph">
                  <wp:posOffset>259080</wp:posOffset>
                </wp:positionV>
                <wp:extent cx="1476375" cy="381000"/>
                <wp:effectExtent l="0" t="0" r="9525" b="0"/>
                <wp:wrapNone/>
                <wp:docPr id="25" name="テキスト ボックス 25"/>
                <wp:cNvGraphicFramePr/>
                <a:graphic xmlns:a="http://schemas.openxmlformats.org/drawingml/2006/main">
                  <a:graphicData uri="http://schemas.microsoft.com/office/word/2010/wordprocessingShape">
                    <wps:wsp>
                      <wps:cNvSpPr txBox="1"/>
                      <wps:spPr>
                        <a:xfrm>
                          <a:off x="0" y="0"/>
                          <a:ext cx="1476375" cy="381000"/>
                        </a:xfrm>
                        <a:prstGeom prst="rect">
                          <a:avLst/>
                        </a:prstGeom>
                        <a:blipFill>
                          <a:blip r:embed="rId13"/>
                          <a:tile tx="0" ty="0" sx="100000" sy="100000" flip="none" algn="tl"/>
                        </a:blipFill>
                        <a:ln w="6350">
                          <a:noFill/>
                        </a:ln>
                      </wps:spPr>
                      <wps:txbx>
                        <w:txbxContent>
                          <w:p w14:paraId="5CCBA9C1" w14:textId="77777777" w:rsidR="00D669E8" w:rsidRDefault="00D669E8" w:rsidP="00D669E8">
                            <w:pPr>
                              <w:spacing w:line="200" w:lineRule="exact"/>
                              <w:ind w:left="1800" w:hangingChars="1000" w:hanging="1800"/>
                              <w:jc w:val="left"/>
                              <w:rPr>
                                <w:rFonts w:ascii="BIZ UDPゴシック" w:eastAsia="BIZ UDPゴシック" w:hAnsi="BIZ UDPゴシック"/>
                                <w:sz w:val="18"/>
                                <w:szCs w:val="20"/>
                              </w:rPr>
                            </w:pPr>
                            <w:r w:rsidRPr="00D669E8">
                              <w:rPr>
                                <w:rFonts w:ascii="BIZ UDPゴシック" w:eastAsia="BIZ UDPゴシック" w:hAnsi="BIZ UDPゴシック" w:hint="eastAsia"/>
                                <w:sz w:val="18"/>
                                <w:szCs w:val="20"/>
                              </w:rPr>
                              <w:t>思考力</w:t>
                            </w:r>
                            <w:r w:rsidRPr="00D669E8">
                              <w:rPr>
                                <w:rFonts w:ascii="BIZ UDPゴシック" w:eastAsia="BIZ UDPゴシック" w:hAnsi="BIZ UDPゴシック"/>
                                <w:sz w:val="18"/>
                                <w:szCs w:val="20"/>
                              </w:rPr>
                              <w:t>・判断力・</w:t>
                            </w:r>
                            <w:r w:rsidRPr="00D669E8">
                              <w:rPr>
                                <w:rFonts w:ascii="BIZ UDPゴシック" w:eastAsia="BIZ UDPゴシック" w:hAnsi="BIZ UDPゴシック" w:hint="eastAsia"/>
                                <w:sz w:val="18"/>
                                <w:szCs w:val="20"/>
                              </w:rPr>
                              <w:t>表現力等</w:t>
                            </w:r>
                          </w:p>
                          <w:p w14:paraId="74B97F94" w14:textId="7958C006" w:rsidR="00D669E8" w:rsidRPr="00D669E8" w:rsidRDefault="00D669E8" w:rsidP="00D669E8">
                            <w:pPr>
                              <w:spacing w:line="200" w:lineRule="exact"/>
                              <w:ind w:left="1800" w:hangingChars="1000" w:hanging="1800"/>
                              <w:jc w:val="left"/>
                              <w:rPr>
                                <w:rFonts w:ascii="BIZ UDPゴシック" w:eastAsia="BIZ UDPゴシック" w:hAnsi="BIZ UDPゴシック"/>
                                <w:sz w:val="18"/>
                                <w:szCs w:val="20"/>
                              </w:rPr>
                            </w:pPr>
                            <w:r w:rsidRPr="00D669E8">
                              <w:rPr>
                                <w:rFonts w:ascii="BIZ UDPゴシック" w:eastAsia="BIZ UDPゴシック" w:hAnsi="BIZ UDPゴシック"/>
                                <w:sz w:val="18"/>
                                <w:szCs w:val="20"/>
                              </w:rPr>
                              <w:t>の基礎</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750994" id="テキスト ボックス 25" o:spid="_x0000_s1037" type="#_x0000_t202" style="position:absolute;left:0;text-align:left;margin-left:52.1pt;margin-top:20.4pt;width:116.25pt;height:30pt;z-index:251830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NKeOilAgAAJQUAAA4AAABkcnMvZTJvRG9jLnhtbKxUzWrcMBC+F/oO&#10;QvfG3s3mz8QbtgkpgZAEkpKzVpbXBllSJW3W6TELpQ/RVyg993n8Iv0kr5MlLRRKL/JIMxrN9803&#10;Pj5pG0kehHW1Vjkd7aSUCMV1UatFTj/enb87pMR5pgomtRI5fRSOnkzfvjlemUyMdaVlISxBEuWy&#10;lclp5b3JksTxSjTM7WgjFJyltg3z2NpFUli2QvZGJuM03U9W2hbGai6cw+lZ76TTmL8sBffXZemE&#10;JzKnqM3H1cZ1HtZkesyyhWWmqvmmDPYPVTSsVnj0OdUZ84wsbf1bqqbmVjtd+h2um0SXZc1FxAA0&#10;o/QVmtuKGRGxgBxnnmly/y8tv3q4saQucjreo0SxBj3q1l+6p+/d089u/ZV062/det09/cCeIAaE&#10;rYzLcO/W4KZv3+sWjR/OHQ4DD21pm/AFQgI/qH98plu0nvBwaXKwv3uAZzl8u4ejNI39SF5uG+v8&#10;B6EbEoycWrQzssweLp1HJQgdQsJjc1mb81rKwd4Qhnb/XVZ9K840XzZC+V5bVkjmIWxX1cZRYjPR&#10;zAWoshdFBMwyX0sBDiJAHxESF5ABCsAQh6PBLlFcThWmgBImF5gWLwNrwLBdt1RkldP93b00IlU6&#10;AOrDpEJ0IL8nOVi+nbexe6OjoQNzXTyiMVb3WneGn9dg75I5f8MsxI26MLD+GkspNR7TG4uSStvP&#10;fzoP8SARXkpWGJacuk9LZoFEXiio8Wg0mYTpipvJ3sEYG7vtmW971LI51ZjHEQgyPJoh3svBLK1u&#10;7jHXs/AqXExxvA3CBvPU9yOM/wIXs1kMwjwZ5i/VreEhddBA0MZde8+s2QjIQ3pXehgrlr3SUR8b&#10;bio9W3pd1lFkgeie1Q3/mMXYt81/Iwz79j5Gvfzdpr8AAAD//wMAUEsDBBQABgAIAAAAIQBYYLMb&#10;ugAAACIBAAAZAAAAZHJzL19yZWxzL2Uyb0RvYy54bWwucmVsc4SPywrCMBBF94L/EGZv07oQkaZu&#10;RHAr9QOGZJpGmwdJFPv3BtwoCC7nXu45TLt/2ok9KCbjnYCmqoGRk14ZpwVc+uNqCyxldAon70jA&#10;TAn23XLRnmnCXEZpNCGxQnFJwJhz2HGe5EgWU+UDudIMPlrM5YyaB5Q31MTXdb3h8ZMB3ReTnZSA&#10;eFINsH4Oxfyf7YfBSDp4ebfk8g8FN7a4CxCjpizAkjL4DpvqGkgD71r+9Vn3AgAA//8DAFBLAwQU&#10;AAYACAAAACEAZfuW1t0AAAAKAQAADwAAAGRycy9kb3ducmV2LnhtbEyPwU7DMBBE70j8g7VIvVGb&#10;tgppiFOVSkhIcKFUguM2XpKI2I5stwl/z/YEx9kZzb4pN5PtxZlC7LzTcDdXIMjV3nSu0XB4f7rN&#10;QcSEzmDvHWn4oQib6vqqxML40b3ReZ8awSUuFqihTWkopIx1Sxbj3A/k2PvywWJiGRppAo5cbnu5&#10;UCqTFjvHH1ocaNdS/b0/WQ2f4TFRZvP1M36MfpsfcvWyftV6djNtH0AkmtJfGC74jA4VMx39yZko&#10;etZqteCohpXiCRxYLrN7EMeLwxdZlfL/hOoXAAD//wMAUEsDBAoAAAAAAAAAIQC0ONwnqQoAAKkK&#10;AAAVAAAAZHJzL21lZGlhL2ltYWdlMS5qcGVn/9j/4AAQSkZJRgABAQEASwBLAAD/4wMOTVNPIFBh&#10;bGV0dGUg4MKS482o5Mmd5tKx59Gq6c6h6de36tWv69Kj69Ot69ex7Ni37Nq57d2+7tar7tq47ty4&#10;79mv792579/A8d218d++8eLA8ePG8t+48uHA9OO+9OTF9OfK9efE9urL+O7Q27mF3cKX3cag3r+M&#10;3smn4Mig4caa4cyr4sqm4syl4s6t48md5MOJ5MaY5M6n5M6r5NCw5cqf5cyg5c6j5c+s5dCr5dKx&#10;5dOz5saM5smU5tGr5tOy58qd582k58+o59Cp59Ot6Myf6M2Y6M6k6NCk6NCq6NGq6NKw6NOp6NSw&#10;6NS06NWx6Na16Na46Ne36cmS6c6g6c+n6dSz6dWu6dWx6dex6dq56tCf6tCl6tGr6tKl6tKr6tOl&#10;6tOu6tSs6tWp6tWy6ta26te26tiy6ti3686W69Os69Sy69ey69e369m269m569q469q569q769y/&#10;7NKm7NSr7NWq7NWu7NWx7Na17Net7Ney7Niv7Nmy7Nq27Nq77Nu37Ny77N2/7dGd7dSm7dWv7di3&#10;7du87dy47dy67dy+7tOf7taq7tau7ter7tew7tmv7tmy7tm27tq27tq67tu37ty07ty77ty+7t23&#10;7t277t7B7t++7t/C7uDC79ag79an79mq79mx79qy79q379y079y+7923792+7964796779+679+9&#10;79/B7+DB8Nqu8Nu48Ny18Ny48N298N6+8OC98ODA8OLA8OLG8dyy8d668d+48d+68d+98d/A8d/B&#10;8eC68eC+8eHA8eHD8eLF8eO98ePA8ePC8eTG8eTH8tqo8tyt8ty58t218t+98uK98uLB8uLF8uPC&#10;8uTH8uXG8ubL89+y89+28+C48+C68+C+8+HC8+LB8+PE8+TH8+XE8+XH8+bG8+bI8+jL9OK49OK+&#10;9OPB9OS99OTB9ObC9OfE9OfL9OrO9ePE9eXG9ebI9enI9enL9erO9ezQ9ubA9ubF9ufC9ufJ9ujG&#10;9ujK9uzM9u7R9+nF9+nJ9+rN+OzK+OzQ+e7Q+fDT+vPX/9sAQwALCAgKCAcLCgkKDQwLDREcEhEP&#10;DxEiGRoUHCkkKyooJCcnLTJANy0wPTAnJzhMOT1DRUhJSCs2T1VORlRAR0hF/9sAQwEMDQ0RDxEh&#10;EhIhRS4nLkVFRUVFRUVFRUVFRUVFRUVFRUVFRUVFRUVFRUVFRUVFRUVFRUVFRUVFRUVFRUVFRUVF&#10;/8AAEQgAgACAAwEiAAIRAQMRAf/EABkAAAMBAQEAAAAAAAAAAAAAAAECAwAEB//EADAQAQACAgED&#10;AwMEAAUFAAAAAAECEQAhMRJBUQMiYXGBoRMykbEUI8HR4UNScvDx/8QAFwEBAQEBAAAAAAAAAAAA&#10;AAAAAAECBP/EABgRAQEBAQEAAAAAAAAAAAAAAAARATFB/9oADAMBAAIRAxEAPwD0Jfd+6uxjpqjf&#10;k4xGRCl7fGCPrdT0hx2M4HSZVbb+KcP+HCVsjm68YPcJKvtjklLaD5wibEK6d298PRLfbut4JslJ&#10;FI4WYLt+h3MtEpMYvJea4t6uTwZSdsq0nwZv0o77+fGKrnkvGt+eMcK8mWj6ZHp/1xZPeVUvJhA5&#10;9x5zcmrwMiubv5zCjr3b48ZFYir1Jv8Aoyvu6q9M0+cHWcPtTzhj6lRUFfDy5UaJFL5P7wDsvnjD&#10;L1Pdw39cDE1Uq+O2Bi5BZa98BEhDjdY875qngxVqoMt98aMHS2uvLg6xmg39+MxGUgDXnWClXpj2&#10;6T20mQHq2gLXKGCS8xrfau2NRC/TDQXa7++TZMavTd5d1cYktkNJ+cKxHei+fOBpdyl4rFk7Iyna&#10;7ePxmVbpGZd2bLy2g3uJ4xIy50X8eMaUqeo8XlRtdvpikalbH+N4Q4O78aDKwh0qij/eWIlKMWJ2&#10;PFXhQ9Rvkftlum0W08risBpGqyQrnluSvtlVfjnN6ajYb/7V398rL0SVU/asMYx/U2omtd8kWmiS&#10;uPU0c3hIdVkXtxgklku9/XKj7fcbrNspdDdS1rMASQeXQ9seTSdIq+C8yRhHmvnJCp9Fir98Surq&#10;ApvY8XjylGUbb6TEur9xvQf+843FwhBggMR5p3rKWdXVOMaujWKRZ7ui+Tvjy9Kda48hkkWp+m/5&#10;Y30rfGbp9r1P5zdKyOq+k7HdxY+nOX/To4qUrxmCvpvi365SMXm8lH0wbPPPnGqTz/esqHmtHle2&#10;LFWVSP4xhAu28RkLrqHgcgbYL5wFkf3IYR6p0VrX0wktpUmvOUEeqwls8fjFfUY89P0XnBH04Q2R&#10;TtmkgcFBoDAV9WUpnRb3vjKCjVDXfxh9OPtL5XzhjOHSgXfGXEASrYgn4zCMkt4MUd71WG9/Nfzl&#10;DMAjzx4yTCMi7Rx+lkDdGC9u/jffIN6cK2t5ljEo2p2xl6Surq81rJzpel4Hdd8Br37nk0GZOpPj&#10;JzkqeI84epoYvV9smqZ9z0lba3g31LKz4eMPpjZKijm8PKgvcTIFLJX1dL+Kx5NAv8XhE6TqA1iP&#10;pi29UjsOWA3F3K6N0/3gVkdUtVeFGCn5wdLKQLYdjd/XA0JlhHhd0Y+5Rd0ZlpLSN9rw1vjt/GAp&#10;6Xj1GuN5pFSeE4qsxKVXdd6fGIX1LwUVlorGRJWgrXOsjOZJS/adjGRC1q/DWIBfsj09q8YBi9VI&#10;0ZprwUXdq7wRQ3qxyXqerEQ6UePislIbXT+AxwrmXucnOKVMdHH++V9OLIaiBVFdsCodTRx84PWe&#10;jiOjd3WZek5r6YbZV2Hz3yonfUUUj28YVe7vDq5SiUef9sbplKth33kUOpF6tn9YxOINRl80YsrS&#10;rRrs8Y5MiR6R6e/nAZhw301iuo+1D68GZnd7+3jJTW2+w3jTBlTEstFrMlR+O2KPVDpHtu8N0MfU&#10;D/jAVOsCW93V5OyPxvGOq+dYGOgJWPjdORWld9T9qxJVOKPDrj84/ujFu14xWKX7ni6OcAQaGr3V&#10;nn6Z0wvpAW/KZELb0Vxe8pBuud/bJhprsq98XWNpq2355wmosqt7F4KkySCPzmkLGMupKD55xj05&#10;XqUr73h/SSxkW7wBN/bJP/LINftvumBlqhPNYibvBF6ra+uWjNkXZEv+frmu0Y6rv8fTGq06u2/F&#10;YjP3NlA0aycVpS6KqTVcuGf7G9/64f1EJAU9tYBjLVFdxyhYx0cFfOsdiFjq8B2op7a4zS9QBvV6&#10;wBs07veH0qAaKeP/AJg6r0fOztjMk/c1eqMIX1ZBK1PFYL18vbBKlW9uvOsUTkv6d8z6q8LUjLjk&#10;cr1VqHjtnPCSxa12L75TrpjEN8WZUHrkUNU+Of8AnATABv77f5wa65O6Nbw0IJIRwJSbA6vmkxNx&#10;sjIurpxuhvWvl3jnphV+75cRUoMoCSYlaK/bm6ZSl8ZSUIBXTSaHCyI/tPviFTkJ7qVNxwDtkXXf&#10;xjNxOB812wpGXbR8bwFgrPvra84Z+4HtgWreXvi6q37ZRQY6/nEnOliNX+cAKL84nQpt5xoYnIiU&#10;b5e+aHYfLQZT04RD57fGBiOtmSAS9TpNdsr6XqfqRElpPGS6Ca9ZZ2Mb0okaI2D27GBWUbiju3Ek&#10;8kbvvXfGZNuw3iVLdur333lR/9lQSwECLQAUAAYACAAAACEAihU/mAwBAAAVAgAAEwAAAAAAAAAA&#10;AAAAAAAAAAAAW0NvbnRlbnRfVHlwZXNdLnhtbFBLAQItABQABgAIAAAAIQA4/SH/1gAAAJQBAAAL&#10;AAAAAAAAAAAAAAAAAD0BAABfcmVscy8ucmVsc1BLAQItABQABgAIAAAAIQBTSnjopQIAACUFAAAO&#10;AAAAAAAAAAAAAAAAADwCAABkcnMvZTJvRG9jLnhtbFBLAQItABQABgAIAAAAIQBYYLMbugAAACIB&#10;AAAZAAAAAAAAAAAAAAAAAA0FAABkcnMvX3JlbHMvZTJvRG9jLnhtbC5yZWxzUEsBAi0AFAAGAAgA&#10;AAAhAGX7ltbdAAAACgEAAA8AAAAAAAAAAAAAAAAA/gUAAGRycy9kb3ducmV2LnhtbFBLAQItAAoA&#10;AAAAAAAAIQC0ONwnqQoAAKkKAAAVAAAAAAAAAAAAAAAAAAgHAABkcnMvbWVkaWEvaW1hZ2UxLmpw&#10;ZWdQSwUGAAAAAAYABgB9AQAA5BEAAAAA&#10;" stroked="f" strokeweight=".5pt">
                <v:fill r:id="rId14" o:title="" recolor="t" rotate="t" type="tile"/>
                <v:textbox>
                  <w:txbxContent>
                    <w:p w14:paraId="5CCBA9C1" w14:textId="77777777" w:rsidR="00D669E8" w:rsidRDefault="00D669E8" w:rsidP="00D669E8">
                      <w:pPr>
                        <w:spacing w:line="200" w:lineRule="exact"/>
                        <w:ind w:left="1800" w:hangingChars="1000" w:hanging="1800"/>
                        <w:jc w:val="left"/>
                        <w:rPr>
                          <w:rFonts w:ascii="BIZ UDPゴシック" w:eastAsia="BIZ UDPゴシック" w:hAnsi="BIZ UDPゴシック"/>
                          <w:sz w:val="18"/>
                          <w:szCs w:val="20"/>
                        </w:rPr>
                      </w:pPr>
                      <w:r w:rsidRPr="00D669E8">
                        <w:rPr>
                          <w:rFonts w:ascii="BIZ UDPゴシック" w:eastAsia="BIZ UDPゴシック" w:hAnsi="BIZ UDPゴシック" w:hint="eastAsia"/>
                          <w:sz w:val="18"/>
                          <w:szCs w:val="20"/>
                        </w:rPr>
                        <w:t>思考力</w:t>
                      </w:r>
                      <w:r w:rsidRPr="00D669E8">
                        <w:rPr>
                          <w:rFonts w:ascii="BIZ UDPゴシック" w:eastAsia="BIZ UDPゴシック" w:hAnsi="BIZ UDPゴシック"/>
                          <w:sz w:val="18"/>
                          <w:szCs w:val="20"/>
                        </w:rPr>
                        <w:t>・判断力・</w:t>
                      </w:r>
                      <w:r w:rsidRPr="00D669E8">
                        <w:rPr>
                          <w:rFonts w:ascii="BIZ UDPゴシック" w:eastAsia="BIZ UDPゴシック" w:hAnsi="BIZ UDPゴシック" w:hint="eastAsia"/>
                          <w:sz w:val="18"/>
                          <w:szCs w:val="20"/>
                        </w:rPr>
                        <w:t>表現力等</w:t>
                      </w:r>
                    </w:p>
                    <w:p w14:paraId="74B97F94" w14:textId="7958C006" w:rsidR="00D669E8" w:rsidRPr="00D669E8" w:rsidRDefault="00D669E8" w:rsidP="00D669E8">
                      <w:pPr>
                        <w:spacing w:line="200" w:lineRule="exact"/>
                        <w:ind w:left="1800" w:hangingChars="1000" w:hanging="1800"/>
                        <w:jc w:val="left"/>
                        <w:rPr>
                          <w:rFonts w:ascii="BIZ UDPゴシック" w:eastAsia="BIZ UDPゴシック" w:hAnsi="BIZ UDPゴシック"/>
                          <w:sz w:val="18"/>
                          <w:szCs w:val="20"/>
                        </w:rPr>
                      </w:pPr>
                      <w:r w:rsidRPr="00D669E8">
                        <w:rPr>
                          <w:rFonts w:ascii="BIZ UDPゴシック" w:eastAsia="BIZ UDPゴシック" w:hAnsi="BIZ UDPゴシック"/>
                          <w:sz w:val="18"/>
                          <w:szCs w:val="20"/>
                        </w:rPr>
                        <w:t>の基礎</w:t>
                      </w:r>
                    </w:p>
                  </w:txbxContent>
                </v:textbox>
              </v:shape>
            </w:pict>
          </mc:Fallback>
        </mc:AlternateContent>
      </w:r>
      <w:r w:rsidR="00D669E8">
        <w:rPr>
          <w:rFonts w:ascii="BIZ UDPゴシック" w:eastAsia="BIZ UDPゴシック" w:hAnsi="BIZ UDPゴシック"/>
          <w:noProof/>
          <w:sz w:val="20"/>
          <w:szCs w:val="20"/>
        </w:rPr>
        <mc:AlternateContent>
          <mc:Choice Requires="wps">
            <w:drawing>
              <wp:anchor distT="0" distB="0" distL="114300" distR="114300" simplePos="0" relativeHeight="251797504" behindDoc="0" locked="0" layoutInCell="1" allowOverlap="1" wp14:anchorId="26AB703C" wp14:editId="06AD9865">
                <wp:simplePos x="0" y="0"/>
                <wp:positionH relativeFrom="column">
                  <wp:posOffset>-261620</wp:posOffset>
                </wp:positionH>
                <wp:positionV relativeFrom="paragraph">
                  <wp:posOffset>144780</wp:posOffset>
                </wp:positionV>
                <wp:extent cx="2705100" cy="1533525"/>
                <wp:effectExtent l="0" t="0" r="19050" b="28575"/>
                <wp:wrapNone/>
                <wp:docPr id="238" name="楕円 238"/>
                <wp:cNvGraphicFramePr/>
                <a:graphic xmlns:a="http://schemas.openxmlformats.org/drawingml/2006/main">
                  <a:graphicData uri="http://schemas.microsoft.com/office/word/2010/wordprocessingShape">
                    <wps:wsp>
                      <wps:cNvSpPr/>
                      <wps:spPr>
                        <a:xfrm>
                          <a:off x="0" y="0"/>
                          <a:ext cx="2705100" cy="1533525"/>
                        </a:xfrm>
                        <a:prstGeom prst="ellipse">
                          <a:avLst/>
                        </a:prstGeom>
                        <a:solidFill>
                          <a:srgbClr val="FFC000">
                            <a:lumMod val="40000"/>
                            <a:lumOff val="60000"/>
                          </a:srgbClr>
                        </a:solidFill>
                        <a:ln w="12700" cap="flat" cmpd="sng" algn="ctr">
                          <a:solidFill>
                            <a:sysClr val="window" lastClr="FFFFFF"/>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16403C97" id="楕円 238" o:spid="_x0000_s1026" style="position:absolute;left:0;text-align:left;margin-left:-20.6pt;margin-top:11.4pt;width:213pt;height:120.75pt;z-index:251797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cuQHowIAAD8FAAAOAAAAZHJzL2Uyb0RvYy54bWysVF1OGzEQfq/UO1h+L5uEBGjEBkVBqSpR&#10;QIKKZ8frTSz5r7aTTXoAbtAjcLT2HP3s3QQofaqah838eTzfNzM+v9hqRTbCB2lNSftHPUqE4baS&#10;ZlnSr/fzD2eUhMhMxZQ1oqQ7EejF5P2788aNxcCurKqEJ0hiwrhxJV3F6MZFEfhKaBaOrBMGztp6&#10;zSJUvywqzxpk16oY9HonRWN95bzlIgRYL1snneT8dS14vKnrICJRJUVtMX99/i7St5ics/HSM7eS&#10;vCuD/UMVmkmDSw+pLllkZO3lm1Racm+DreMRt7qwdS25yBiApt/7A83dijmRsYCc4A40hf+Xll9v&#10;bj2RVUkHx2iVYRpN+vX04+fjI0kW8NO4MEbYnbv1nRYgJrDb2uv0DxhkmzndHTgV20g4jIPT3qjf&#10;A/Ucvv7o+Hg0GKWsxfNx50P8JKwmSSipUEq6kHCzMdtchdhG76OSOVglq7lUKit+uZgpTzYMPZ7P&#10;Zz3cluxqrb/YqjUPYeyaDTNGojWf7M2oJrRpcmWv8itDGpQOIAkFw5DWikWI2oG2YJaUMLXE9PPo&#10;88WvToddOBSHua1sQ4liIcKYqk2/jo5XxxLaSxZWbZ3ZlcLYWMuIhVFSl/QsVZ9RoXxlklfkke84&#10;S41rW5Wkha12aLW37Q4Ex+cSl1yhllvmMfRAh0WON/jUygKy7SRKVtZ//5s9xWMW4aWkwRKBjm9r&#10;5gUgfjaY0o/94TBtXVaGo9MBFP/Ss3jpMWs9s+hhH0+G41lM8VHtxdpb/YB9n6Zb4WKG4+6W+E6Z&#10;xXa58WJwMZ3mMGyaY/HK3DmekieeEr332wfmXTd0EfN6bfcL92bw2th00tjpOtpa5ql85hVjkxRs&#10;aR6g7kVJz8BLPUc9v3uT3wAAAP//AwBQSwMEFAAGAAgAAAAhAK5IfJjeAAAACgEAAA8AAABkcnMv&#10;ZG93bnJldi54bWxMj81Ow0AMhO9IvMPKSNzaTdOoikI2VQHRQy+IwAO4WZNE7E+6u23D22NOcLM9&#10;o/E39Xa2RlwoxNE7BatlBoJc5/XoegUf7y+LEkRM6DQa70jBN0XYNrc3NVbaX90bXdrUCw5xsUIF&#10;Q0pTJWXsBrIYl34ix9qnDxYTr6GXOuCVw62ReZZtpMXR8YcBJ3oaqPtqz1bBoXwMzzukk9dtPMWD&#10;2b9Stlfq/m7ePYBINKc/M/ziMzo0zHT0Z6ejMAoWxSpnq4I85wpsWJcFD0c+bIo1yKaW/ys0PwAA&#10;AP//AwBQSwECLQAUAAYACAAAACEAtoM4kv4AAADhAQAAEwAAAAAAAAAAAAAAAAAAAAAAW0NvbnRl&#10;bnRfVHlwZXNdLnhtbFBLAQItABQABgAIAAAAIQA4/SH/1gAAAJQBAAALAAAAAAAAAAAAAAAAAC8B&#10;AABfcmVscy8ucmVsc1BLAQItABQABgAIAAAAIQAKcuQHowIAAD8FAAAOAAAAAAAAAAAAAAAAAC4C&#10;AABkcnMvZTJvRG9jLnhtbFBLAQItABQABgAIAAAAIQCuSHyY3gAAAAoBAAAPAAAAAAAAAAAAAAAA&#10;AP0EAABkcnMvZG93bnJldi54bWxQSwUGAAAAAAQABADzAAAACAYAAAAA&#10;" fillcolor="#ffe699" strokecolor="window" strokeweight="1pt">
                <v:stroke joinstyle="miter"/>
              </v:oval>
            </w:pict>
          </mc:Fallback>
        </mc:AlternateContent>
      </w:r>
    </w:p>
    <w:p w14:paraId="53B644FF" w14:textId="198F230F" w:rsidR="00EB6DDA" w:rsidRDefault="00ED5B44" w:rsidP="00767EAA">
      <w:pPr>
        <w:spacing w:line="276" w:lineRule="auto"/>
        <w:ind w:firstLineChars="1200" w:firstLine="2520"/>
        <w:rPr>
          <w:rFonts w:ascii="BIZ UDPゴシック" w:eastAsia="BIZ UDPゴシック" w:hAnsi="BIZ UDPゴシック"/>
          <w:sz w:val="24"/>
          <w:szCs w:val="24"/>
        </w:rPr>
      </w:pPr>
      <w:r w:rsidRPr="00A153EC">
        <w:rPr>
          <w:noProof/>
        </w:rPr>
        <w:drawing>
          <wp:anchor distT="0" distB="0" distL="114300" distR="114300" simplePos="0" relativeHeight="251824128" behindDoc="0" locked="0" layoutInCell="1" allowOverlap="1" wp14:anchorId="540A8D67" wp14:editId="7C698C97">
            <wp:simplePos x="0" y="0"/>
            <wp:positionH relativeFrom="margin">
              <wp:posOffset>5558155</wp:posOffset>
            </wp:positionH>
            <wp:positionV relativeFrom="paragraph">
              <wp:posOffset>265007</wp:posOffset>
            </wp:positionV>
            <wp:extent cx="760315" cy="488103"/>
            <wp:effectExtent l="0" t="0" r="0" b="0"/>
            <wp:wrapNone/>
            <wp:docPr id="127" name="図 127" descr="Z:\64幼児教育\９広報戦略\キャラクター\愛情.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Z:\64幼児教育\９広報戦略\キャラクター\愛情.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760974" cy="488526"/>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281C05C" w14:textId="61B24F51" w:rsidR="00EB6DDA" w:rsidRDefault="000201D2" w:rsidP="00767EAA">
      <w:pPr>
        <w:spacing w:line="276" w:lineRule="auto"/>
        <w:ind w:firstLineChars="1200" w:firstLine="2160"/>
        <w:rPr>
          <w:rFonts w:ascii="BIZ UDPゴシック" w:eastAsia="BIZ UDPゴシック" w:hAnsi="BIZ UDPゴシック"/>
          <w:sz w:val="24"/>
          <w:szCs w:val="24"/>
        </w:rPr>
      </w:pPr>
      <w:r>
        <w:rPr>
          <w:rFonts w:ascii="BIZ UDPゴシック" w:eastAsia="BIZ UDPゴシック" w:hAnsi="BIZ UDPゴシック"/>
          <w:noProof/>
          <w:sz w:val="18"/>
          <w:szCs w:val="26"/>
        </w:rPr>
        <mc:AlternateContent>
          <mc:Choice Requires="wpg">
            <w:drawing>
              <wp:anchor distT="0" distB="0" distL="114300" distR="114300" simplePos="0" relativeHeight="251792384" behindDoc="0" locked="0" layoutInCell="1" allowOverlap="1" wp14:anchorId="2AFF0FC8" wp14:editId="7841B65D">
                <wp:simplePos x="0" y="0"/>
                <wp:positionH relativeFrom="column">
                  <wp:posOffset>3700780</wp:posOffset>
                </wp:positionH>
                <wp:positionV relativeFrom="paragraph">
                  <wp:posOffset>142875</wp:posOffset>
                </wp:positionV>
                <wp:extent cx="2762250" cy="952500"/>
                <wp:effectExtent l="0" t="0" r="0" b="0"/>
                <wp:wrapNone/>
                <wp:docPr id="309" name="グループ化 309"/>
                <wp:cNvGraphicFramePr/>
                <a:graphic xmlns:a="http://schemas.openxmlformats.org/drawingml/2006/main">
                  <a:graphicData uri="http://schemas.microsoft.com/office/word/2010/wordprocessingGroup">
                    <wpg:wgp>
                      <wpg:cNvGrpSpPr/>
                      <wpg:grpSpPr>
                        <a:xfrm>
                          <a:off x="0" y="0"/>
                          <a:ext cx="2762250" cy="952500"/>
                          <a:chOff x="47625" y="-476250"/>
                          <a:chExt cx="2152650" cy="400050"/>
                        </a:xfrm>
                      </wpg:grpSpPr>
                      <wps:wsp>
                        <wps:cNvPr id="294" name="楕円 294"/>
                        <wps:cNvSpPr/>
                        <wps:spPr>
                          <a:xfrm>
                            <a:off x="47625" y="-476250"/>
                            <a:ext cx="2152650" cy="400050"/>
                          </a:xfrm>
                          <a:prstGeom prst="ellipse">
                            <a:avLst/>
                          </a:prstGeom>
                          <a:solidFill>
                            <a:srgbClr val="FFCCFF"/>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7" name="テキスト ボックス 2"/>
                        <wps:cNvSpPr txBox="1">
                          <a:spLocks noChangeArrowheads="1"/>
                        </wps:cNvSpPr>
                        <wps:spPr bwMode="auto">
                          <a:xfrm>
                            <a:off x="193780" y="-370967"/>
                            <a:ext cx="1958870" cy="247984"/>
                          </a:xfrm>
                          <a:prstGeom prst="rect">
                            <a:avLst/>
                          </a:prstGeom>
                          <a:noFill/>
                          <a:ln w="9525">
                            <a:noFill/>
                            <a:miter lim="800000"/>
                            <a:headEnd/>
                            <a:tailEnd/>
                          </a:ln>
                        </wps:spPr>
                        <wps:txbx>
                          <w:txbxContent>
                            <w:p w14:paraId="3B504313" w14:textId="77777777" w:rsidR="004800F3" w:rsidRPr="004800F3" w:rsidRDefault="004800F3" w:rsidP="004800F3">
                              <w:pPr>
                                <w:ind w:left="220" w:hangingChars="100" w:hanging="220"/>
                                <w:rPr>
                                  <w:rFonts w:ascii="BIZ UDPゴシック" w:eastAsia="BIZ UDPゴシック" w:hAnsi="BIZ UDPゴシック"/>
                                  <w:sz w:val="22"/>
                                  <w:szCs w:val="18"/>
                                </w:rPr>
                              </w:pPr>
                              <w:r w:rsidRPr="004800F3">
                                <w:rPr>
                                  <w:rFonts w:ascii="BIZ UDPゴシック" w:eastAsia="BIZ UDPゴシック" w:hAnsi="BIZ UDPゴシック" w:hint="eastAsia"/>
                                  <w:sz w:val="22"/>
                                  <w:szCs w:val="18"/>
                                </w:rPr>
                                <w:t>力を合わせて</w:t>
                              </w:r>
                              <w:r w:rsidRPr="004800F3">
                                <w:rPr>
                                  <w:rFonts w:ascii="BIZ UDPゴシック" w:eastAsia="BIZ UDPゴシック" w:hAnsi="BIZ UDPゴシック"/>
                                  <w:sz w:val="22"/>
                                  <w:szCs w:val="18"/>
                                </w:rPr>
                                <w:t>友達と一緒に活動</w:t>
                              </w:r>
                              <w:r w:rsidRPr="004800F3">
                                <w:rPr>
                                  <w:rFonts w:ascii="BIZ UDPゴシック" w:eastAsia="BIZ UDPゴシック" w:hAnsi="BIZ UDPゴシック" w:hint="eastAsia"/>
                                  <w:sz w:val="22"/>
                                  <w:szCs w:val="18"/>
                                </w:rPr>
                                <w:t>し、</w:t>
                              </w:r>
                            </w:p>
                            <w:p w14:paraId="112A04F3" w14:textId="77777777" w:rsidR="004800F3" w:rsidRPr="004800F3" w:rsidRDefault="004800F3" w:rsidP="004800F3">
                              <w:pPr>
                                <w:rPr>
                                  <w:rFonts w:ascii="BIZ UDPゴシック" w:eastAsia="BIZ UDPゴシック" w:hAnsi="BIZ UDPゴシック"/>
                                  <w:sz w:val="22"/>
                                  <w:szCs w:val="18"/>
                                </w:rPr>
                              </w:pPr>
                              <w:r w:rsidRPr="004800F3">
                                <w:rPr>
                                  <w:rFonts w:ascii="BIZ UDPゴシック" w:eastAsia="BIZ UDPゴシック" w:hAnsi="BIZ UDPゴシック" w:hint="eastAsia"/>
                                  <w:sz w:val="22"/>
                                  <w:szCs w:val="18"/>
                                </w:rPr>
                                <w:t>最後まで</w:t>
                              </w:r>
                              <w:r w:rsidRPr="004800F3">
                                <w:rPr>
                                  <w:rFonts w:ascii="BIZ UDPゴシック" w:eastAsia="BIZ UDPゴシック" w:hAnsi="BIZ UDPゴシック"/>
                                  <w:sz w:val="22"/>
                                  <w:szCs w:val="18"/>
                                </w:rPr>
                                <w:t>やり遂げ</w:t>
                              </w:r>
                              <w:r w:rsidRPr="004800F3">
                                <w:rPr>
                                  <w:rFonts w:ascii="BIZ UDPゴシック" w:eastAsia="BIZ UDPゴシック" w:hAnsi="BIZ UDPゴシック" w:hint="eastAsia"/>
                                  <w:sz w:val="22"/>
                                  <w:szCs w:val="18"/>
                                </w:rPr>
                                <w:t>る達成感を</w:t>
                              </w:r>
                              <w:r w:rsidRPr="004800F3">
                                <w:rPr>
                                  <w:rFonts w:ascii="BIZ UDPゴシック" w:eastAsia="BIZ UDPゴシック" w:hAnsi="BIZ UDPゴシック"/>
                                  <w:sz w:val="22"/>
                                  <w:szCs w:val="18"/>
                                </w:rPr>
                                <w:t>味わう</w:t>
                              </w:r>
                            </w:p>
                          </w:txbxContent>
                        </wps:txbx>
                        <wps:bodyPr rot="0" vert="horz" wrap="square" lIns="91440" tIns="45720" rIns="91440" bIns="45720" anchor="t" anchorCtr="0">
                          <a:noAutofit/>
                        </wps:bodyPr>
                      </wps:wsp>
                    </wpg:wgp>
                  </a:graphicData>
                </a:graphic>
                <wp14:sizeRelH relativeFrom="margin">
                  <wp14:pctWidth>0</wp14:pctWidth>
                </wp14:sizeRelH>
                <wp14:sizeRelV relativeFrom="margin">
                  <wp14:pctHeight>0</wp14:pctHeight>
                </wp14:sizeRelV>
              </wp:anchor>
            </w:drawing>
          </mc:Choice>
          <mc:Fallback>
            <w:pict>
              <v:group w14:anchorId="2AFF0FC8" id="グループ化 309" o:spid="_x0000_s1038" style="position:absolute;left:0;text-align:left;margin-left:291.4pt;margin-top:11.25pt;width:217.5pt;height:75pt;z-index:251792384;mso-width-relative:margin;mso-height-relative:margin" coordorigin="476,-4762" coordsize="21526,40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twSyvgMAAKQIAAAOAAAAZHJzL2Uyb0RvYy54bWy8Vk1v4zYQvRfofyB438hS7MgW4ixcZx0U&#10;SHcDZIs90xT1gVIkS9KR02MMBD30uttLrz0VRXst0H8jbH9Hh9RHXCeLFtuiF3nIoYYzb+Y9+fT5&#10;tuLohmlTSjHH4dEIIyaoTEuRz/GXr1fPphgZS0RKuBRsjm+Zwc/PPv3ktFYJi2Qheco0giDCJLWa&#10;48JalQSBoQWriDmSiglwZlJXxMJS50GqSQ3RKx5Eo9FJUEudKi0pMwZ2z1snPvPxs4xR+yrLDLOI&#10;zzHkZv1T++faPYOzU5LkmqiipF0a5COyqEgp4NIh1DmxBG10+ShUVVItjczsEZVVILOspMzXANWE&#10;o4NqLrTcKF9LntS5GmACaA9w+uiw9OXNlUZlOsfHoxlGglTQpObu12b3U7P7vdl9//67d8i5AKha&#10;5Qmcv9DqWl3pbiNvV672baYr9wtVoa2H+HaAmG0torAZxSdRNIFOUPDNJmB2PaAFNMq9NoYTE4zA&#10;/cybg/9FHyKcRCd9iPFoNAIbkgn6BAKX55BWrWCwzAN25t9hd10QxXxLjMOiwy6ajXvs/vjx7fv7&#10;e+R2PEL+2ICXSQxA9wRYH6h6gO1vaiaJ0sZeMFkhZ8wx47xUxmVKEnJzaWyLUH/KbRvJy3RVcu4X&#10;Ol8vuUY3BIiyWi2Xq1UH6l+OcYFqoHkUQ9sQJUDYjBMLZqVghIzIMSI8ByWgVvu7hXQ3wOVthufE&#10;FO0dPqy7giRVaUEDeFnN8RTa2U4EtJML52WexV0Frpstgs5ay/QWOqBlS2uj6KqE6i+JsVdEA48h&#10;SdAm+woeGZeQuewsjAqpv3lq352HEQEvRjXoAlT19YZohhH/XMDwzMLx2AmJX4wncQQLve9Z73vE&#10;plpKQDQEFVTUm+685b2ZaVm9AQlbuFvBRQSFu1v8usXStnoFIkjZYuGPgXgoYi/FtaIueA/v6+0b&#10;olU3AhaG56XsB/bRGLRn3ZtCLjZWZqWfkQdcgVIdeRz1/w8WRXHPomZ339z93Nz91uy+Rc3uh2a3&#10;a+5+gTWKDmiF7PYzCbLRgmDUpaRfGSTksiAiZwutZV0wkkLnQj/QrhIgrmNkW5YbJ7Suv5ApKB8B&#10;IDyaB1oWzo7jKbTHqdJxPJqdxO3o9vwMZ5PpNIYDTtaicTybevoPmvSInxq+TP6iD5Bzjzct55xW&#10;+hf2PE8ShySu3hci9dyypOSt3RHK9/SBQna73nr5DwdgD1j13xKin2/QjNbspvsfzqHXdvgUernv&#10;PtvuW7u/9nP78Ofi7E8AAAD//wMAUEsDBBQABgAIAAAAIQDlQVta4AAAAAsBAAAPAAAAZHJzL2Rv&#10;d25yZXYueG1sTI9Ba8JAEIXvhf6HZQq91U1SUiVmIyJtT1KoFoq3NTsmwexsyK5J/PcdT/U2897j&#10;zTf5arKtGLD3jSMF8SwCgVQ601Cl4Gf/8bIA4YMmo1tHqOCKHlbF40OuM+NG+sZhFyrBJeQzraAO&#10;ocuk9GWNVvuZ65DYO7ne6sBrX0nT65HLbSuTKHqTVjfEF2rd4abG8ry7WAWfox7Xr/H7sD2fNtfD&#10;Pv363cao1PPTtF6CCDiF/zDc8BkdCmY6ugsZL1oF6SJh9KAgSVIQt0AUz1k58jRnSRa5vP+h+AMA&#10;AP//AwBQSwECLQAUAAYACAAAACEAtoM4kv4AAADhAQAAEwAAAAAAAAAAAAAAAAAAAAAAW0NvbnRl&#10;bnRfVHlwZXNdLnhtbFBLAQItABQABgAIAAAAIQA4/SH/1gAAAJQBAAALAAAAAAAAAAAAAAAAAC8B&#10;AABfcmVscy8ucmVsc1BLAQItABQABgAIAAAAIQB1twSyvgMAAKQIAAAOAAAAAAAAAAAAAAAAAC4C&#10;AABkcnMvZTJvRG9jLnhtbFBLAQItABQABgAIAAAAIQDlQVta4AAAAAsBAAAPAAAAAAAAAAAAAAAA&#10;ABgGAABkcnMvZG93bnJldi54bWxQSwUGAAAAAAQABADzAAAAJQcAAAAA&#10;">
                <v:oval id="楕円 294" o:spid="_x0000_s1039" style="position:absolute;left:476;top:-4762;width:21526;height:40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sjctxgAAANwAAAAPAAAAZHJzL2Rvd25yZXYueG1sRI9Ba8JA&#10;FITvhf6H5RV6azYJpWp0DRIUeqnUtN6f2WcSzL4N2W2M/75bKHgcZuYbZpVPphMjDa61rCCJYhDE&#10;ldUt1wq+v3YvcxDOI2vsLJOCGznI148PK8y0vfKBxtLXIkDYZaig8b7PpHRVQwZdZHvi4J3tYNAH&#10;OdRSD3gNcNPJNI7fpMGWw0KDPRUNVZfyxyjYf2wv6TZJj8fisCns7jTbf95mSj0/TZslCE+Tv4f/&#10;2+9aQbp4hb8z4QjI9S8AAAD//wMAUEsBAi0AFAAGAAgAAAAhANvh9svuAAAAhQEAABMAAAAAAAAA&#10;AAAAAAAAAAAAAFtDb250ZW50X1R5cGVzXS54bWxQSwECLQAUAAYACAAAACEAWvQsW78AAAAVAQAA&#10;CwAAAAAAAAAAAAAAAAAfAQAAX3JlbHMvLnJlbHNQSwECLQAUAAYACAAAACEA3rI3LcYAAADcAAAA&#10;DwAAAAAAAAAAAAAAAAAHAgAAZHJzL2Rvd25yZXYueG1sUEsFBgAAAAADAAMAtwAAAPoCAAAAAA==&#10;" fillcolor="#fcf" stroked="f" strokeweight="1pt">
                  <v:stroke joinstyle="miter"/>
                </v:oval>
                <v:shape id="_x0000_s1040" type="#_x0000_t202" style="position:absolute;left:1937;top:-3709;width:19589;height:24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KbqIxQAAANwAAAAPAAAAZHJzL2Rvd25yZXYueG1sRI9Pa8JA&#10;FMTvhX6H5RW86W6Df2rqJpQWwVNFrYK3R/aZhGbfhuxq0m/fLQg9DjPzG2aVD7YRN+p87VjD80SB&#10;IC6cqbnU8HVYj19A+IBssHFMGn7IQ549PqwwNa7nHd32oRQRwj5FDVUIbSqlLyqy6CeuJY7exXUW&#10;Q5RdKU2HfYTbRiZKzaXFmuNChS29V1R8769Ww/Hzcj5N1bb8sLO2d4OSbJdS69HT8PYKItAQ/sP3&#10;9sZoSJIF/J2JR0BmvwAAAP//AwBQSwECLQAUAAYACAAAACEA2+H2y+4AAACFAQAAEwAAAAAAAAAA&#10;AAAAAAAAAAAAW0NvbnRlbnRfVHlwZXNdLnhtbFBLAQItABQABgAIAAAAIQBa9CxbvwAAABUBAAAL&#10;AAAAAAAAAAAAAAAAAB8BAABfcmVscy8ucmVsc1BLAQItABQABgAIAAAAIQDzKbqIxQAAANwAAAAP&#10;AAAAAAAAAAAAAAAAAAcCAABkcnMvZG93bnJldi54bWxQSwUGAAAAAAMAAwC3AAAA+QIAAAAA&#10;" filled="f" stroked="f">
                  <v:textbox>
                    <w:txbxContent>
                      <w:p w14:paraId="3B504313" w14:textId="77777777" w:rsidR="004800F3" w:rsidRPr="004800F3" w:rsidRDefault="004800F3" w:rsidP="004800F3">
                        <w:pPr>
                          <w:ind w:left="220" w:hangingChars="100" w:hanging="220"/>
                          <w:rPr>
                            <w:rFonts w:ascii="BIZ UDPゴシック" w:eastAsia="BIZ UDPゴシック" w:hAnsi="BIZ UDPゴシック"/>
                            <w:sz w:val="22"/>
                            <w:szCs w:val="18"/>
                          </w:rPr>
                        </w:pPr>
                        <w:r w:rsidRPr="004800F3">
                          <w:rPr>
                            <w:rFonts w:ascii="BIZ UDPゴシック" w:eastAsia="BIZ UDPゴシック" w:hAnsi="BIZ UDPゴシック" w:hint="eastAsia"/>
                            <w:sz w:val="22"/>
                            <w:szCs w:val="18"/>
                          </w:rPr>
                          <w:t>力を合わせて</w:t>
                        </w:r>
                        <w:r w:rsidRPr="004800F3">
                          <w:rPr>
                            <w:rFonts w:ascii="BIZ UDPゴシック" w:eastAsia="BIZ UDPゴシック" w:hAnsi="BIZ UDPゴシック"/>
                            <w:sz w:val="22"/>
                            <w:szCs w:val="18"/>
                          </w:rPr>
                          <w:t>友達と一緒に活動</w:t>
                        </w:r>
                        <w:r w:rsidRPr="004800F3">
                          <w:rPr>
                            <w:rFonts w:ascii="BIZ UDPゴシック" w:eastAsia="BIZ UDPゴシック" w:hAnsi="BIZ UDPゴシック" w:hint="eastAsia"/>
                            <w:sz w:val="22"/>
                            <w:szCs w:val="18"/>
                          </w:rPr>
                          <w:t>し、</w:t>
                        </w:r>
                      </w:p>
                      <w:p w14:paraId="112A04F3" w14:textId="77777777" w:rsidR="004800F3" w:rsidRPr="004800F3" w:rsidRDefault="004800F3" w:rsidP="004800F3">
                        <w:pPr>
                          <w:rPr>
                            <w:rFonts w:ascii="BIZ UDPゴシック" w:eastAsia="BIZ UDPゴシック" w:hAnsi="BIZ UDPゴシック"/>
                            <w:sz w:val="22"/>
                            <w:szCs w:val="18"/>
                          </w:rPr>
                        </w:pPr>
                        <w:r w:rsidRPr="004800F3">
                          <w:rPr>
                            <w:rFonts w:ascii="BIZ UDPゴシック" w:eastAsia="BIZ UDPゴシック" w:hAnsi="BIZ UDPゴシック" w:hint="eastAsia"/>
                            <w:sz w:val="22"/>
                            <w:szCs w:val="18"/>
                          </w:rPr>
                          <w:t>最後まで</w:t>
                        </w:r>
                        <w:r w:rsidRPr="004800F3">
                          <w:rPr>
                            <w:rFonts w:ascii="BIZ UDPゴシック" w:eastAsia="BIZ UDPゴシック" w:hAnsi="BIZ UDPゴシック"/>
                            <w:sz w:val="22"/>
                            <w:szCs w:val="18"/>
                          </w:rPr>
                          <w:t>やり遂げ</w:t>
                        </w:r>
                        <w:r w:rsidRPr="004800F3">
                          <w:rPr>
                            <w:rFonts w:ascii="BIZ UDPゴシック" w:eastAsia="BIZ UDPゴシック" w:hAnsi="BIZ UDPゴシック" w:hint="eastAsia"/>
                            <w:sz w:val="22"/>
                            <w:szCs w:val="18"/>
                          </w:rPr>
                          <w:t>る達成感を</w:t>
                        </w:r>
                        <w:r w:rsidRPr="004800F3">
                          <w:rPr>
                            <w:rFonts w:ascii="BIZ UDPゴシック" w:eastAsia="BIZ UDPゴシック" w:hAnsi="BIZ UDPゴシック"/>
                            <w:sz w:val="22"/>
                            <w:szCs w:val="18"/>
                          </w:rPr>
                          <w:t>味わう</w:t>
                        </w:r>
                      </w:p>
                    </w:txbxContent>
                  </v:textbox>
                </v:shape>
              </v:group>
            </w:pict>
          </mc:Fallback>
        </mc:AlternateContent>
      </w:r>
      <w:r w:rsidR="00D669E8" w:rsidRPr="00010A69">
        <w:rPr>
          <w:rFonts w:ascii="BIZ UDPゴシック" w:eastAsia="BIZ UDPゴシック" w:hAnsi="BIZ UDPゴシック"/>
          <w:noProof/>
          <w:sz w:val="20"/>
          <w:szCs w:val="20"/>
        </w:rPr>
        <mc:AlternateContent>
          <mc:Choice Requires="wps">
            <w:drawing>
              <wp:anchor distT="0" distB="0" distL="114300" distR="114300" simplePos="0" relativeHeight="251799552" behindDoc="0" locked="0" layoutInCell="1" allowOverlap="1" wp14:anchorId="7E8422E0" wp14:editId="7C56BA49">
                <wp:simplePos x="0" y="0"/>
                <wp:positionH relativeFrom="column">
                  <wp:posOffset>-4445</wp:posOffset>
                </wp:positionH>
                <wp:positionV relativeFrom="paragraph">
                  <wp:posOffset>132715</wp:posOffset>
                </wp:positionV>
                <wp:extent cx="2152650" cy="800100"/>
                <wp:effectExtent l="0" t="0" r="0" b="0"/>
                <wp:wrapNone/>
                <wp:docPr id="29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152650" cy="800100"/>
                        </a:xfrm>
                        <a:prstGeom prst="rect">
                          <a:avLst/>
                        </a:prstGeom>
                        <a:noFill/>
                        <a:ln w="12700" cap="flat" cmpd="sng" algn="ctr">
                          <a:noFill/>
                          <a:prstDash val="solid"/>
                          <a:miter lim="800000"/>
                          <a:headEnd/>
                          <a:tailEnd/>
                        </a:ln>
                        <a:effectLst/>
                      </wps:spPr>
                      <wps:txbx>
                        <w:txbxContent>
                          <w:p w14:paraId="35D98684" w14:textId="77777777" w:rsidR="00ED5B44" w:rsidRDefault="004800F3" w:rsidP="00ED5B44">
                            <w:pPr>
                              <w:ind w:leftChars="100" w:left="430" w:hangingChars="100" w:hanging="220"/>
                              <w:rPr>
                                <w:rFonts w:ascii="BIZ UDPゴシック" w:eastAsia="BIZ UDPゴシック" w:hAnsi="BIZ UDPゴシック"/>
                                <w:sz w:val="22"/>
                                <w:szCs w:val="18"/>
                              </w:rPr>
                            </w:pPr>
                            <w:r w:rsidRPr="004800F3">
                              <w:rPr>
                                <w:rFonts w:ascii="BIZ UDPゴシック" w:eastAsia="BIZ UDPゴシック" w:hAnsi="BIZ UDPゴシック" w:hint="eastAsia"/>
                                <w:sz w:val="22"/>
                                <w:szCs w:val="18"/>
                              </w:rPr>
                              <w:t>自分の経験した</w:t>
                            </w:r>
                            <w:r w:rsidRPr="004800F3">
                              <w:rPr>
                                <w:rFonts w:ascii="BIZ UDPゴシック" w:eastAsia="BIZ UDPゴシック" w:hAnsi="BIZ UDPゴシック"/>
                                <w:sz w:val="22"/>
                                <w:szCs w:val="18"/>
                              </w:rPr>
                              <w:t>ことや考えた</w:t>
                            </w:r>
                          </w:p>
                          <w:p w14:paraId="5DE6B777" w14:textId="77777777" w:rsidR="00ED5B44" w:rsidRDefault="004800F3" w:rsidP="00ED5B44">
                            <w:pPr>
                              <w:ind w:left="440" w:hangingChars="200" w:hanging="440"/>
                              <w:jc w:val="center"/>
                              <w:rPr>
                                <w:rFonts w:ascii="BIZ UDPゴシック" w:eastAsia="BIZ UDPゴシック" w:hAnsi="BIZ UDPゴシック"/>
                                <w:sz w:val="22"/>
                                <w:szCs w:val="18"/>
                              </w:rPr>
                            </w:pPr>
                            <w:r w:rsidRPr="004800F3">
                              <w:rPr>
                                <w:rFonts w:ascii="BIZ UDPゴシック" w:eastAsia="BIZ UDPゴシック" w:hAnsi="BIZ UDPゴシック"/>
                                <w:sz w:val="22"/>
                                <w:szCs w:val="18"/>
                              </w:rPr>
                              <w:t>こと</w:t>
                            </w:r>
                            <w:r w:rsidRPr="004800F3">
                              <w:rPr>
                                <w:rFonts w:ascii="BIZ UDPゴシック" w:eastAsia="BIZ UDPゴシック" w:hAnsi="BIZ UDPゴシック" w:hint="eastAsia"/>
                                <w:sz w:val="22"/>
                                <w:szCs w:val="18"/>
                              </w:rPr>
                              <w:t>を身近な</w:t>
                            </w:r>
                            <w:r w:rsidRPr="004800F3">
                              <w:rPr>
                                <w:rFonts w:ascii="BIZ UDPゴシック" w:eastAsia="BIZ UDPゴシック" w:hAnsi="BIZ UDPゴシック"/>
                                <w:sz w:val="22"/>
                                <w:szCs w:val="18"/>
                              </w:rPr>
                              <w:t>人</w:t>
                            </w:r>
                            <w:r w:rsidRPr="004800F3">
                              <w:rPr>
                                <w:rFonts w:ascii="BIZ UDPゴシック" w:eastAsia="BIZ UDPゴシック" w:hAnsi="BIZ UDPゴシック" w:hint="eastAsia"/>
                                <w:sz w:val="22"/>
                                <w:szCs w:val="18"/>
                              </w:rPr>
                              <w:t>に</w:t>
                            </w:r>
                            <w:r w:rsidR="00ED5B44">
                              <w:rPr>
                                <w:rFonts w:ascii="BIZ UDPゴシック" w:eastAsia="BIZ UDPゴシック" w:hAnsi="BIZ UDPゴシック"/>
                                <w:sz w:val="22"/>
                                <w:szCs w:val="18"/>
                              </w:rPr>
                              <w:t>聞いてもら</w:t>
                            </w:r>
                            <w:r w:rsidR="00ED5B44">
                              <w:rPr>
                                <w:rFonts w:ascii="BIZ UDPゴシック" w:eastAsia="BIZ UDPゴシック" w:hAnsi="BIZ UDPゴシック" w:hint="eastAsia"/>
                                <w:sz w:val="22"/>
                                <w:szCs w:val="18"/>
                              </w:rPr>
                              <w:t>う</w:t>
                            </w:r>
                          </w:p>
                          <w:p w14:paraId="55016B22" w14:textId="2461FAFE" w:rsidR="004800F3" w:rsidRPr="004800F3" w:rsidRDefault="004800F3" w:rsidP="00ED5B44">
                            <w:pPr>
                              <w:ind w:left="440" w:hangingChars="200" w:hanging="440"/>
                              <w:jc w:val="center"/>
                              <w:rPr>
                                <w:rFonts w:ascii="BIZ UDPゴシック" w:eastAsia="BIZ UDPゴシック" w:hAnsi="BIZ UDPゴシック"/>
                                <w:sz w:val="22"/>
                                <w:szCs w:val="18"/>
                              </w:rPr>
                            </w:pPr>
                            <w:r w:rsidRPr="004800F3">
                              <w:rPr>
                                <w:rFonts w:ascii="BIZ UDPゴシック" w:eastAsia="BIZ UDPゴシック" w:hAnsi="BIZ UDPゴシック"/>
                                <w:sz w:val="22"/>
                                <w:szCs w:val="18"/>
                              </w:rPr>
                              <w:t>心地よさを感じる</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E8422E0" id="_x0000_s1041" type="#_x0000_t202" style="position:absolute;left:0;text-align:left;margin-left:-.35pt;margin-top:10.45pt;width:169.5pt;height:63pt;z-index:251799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buN3VAIAAFYEAAAOAAAAZHJzL2Uyb0RvYy54bWysVNtu1DAQfUfiHyy/0+xGvdCo2aq0FCGV&#10;i1T4gFnH2VjYHmO7m5THroT4CH4B8cz35EcYO9t2BW+IF8vjyRwfnzmTk9PBaLaWPii0NZ/vzTiT&#10;VmCj7KrmHz9cPnvOWYhgG9BoZc1vZeCni6dPTnpXyRI71I30jEBsqHpX8y5GVxVFEJ00EPbQSUvJ&#10;Fr2BSKFfFY2HntCNLsrZ7LDo0TfOo5Ah0OnFlOSLjN+2UsR3bRtkZLrmxC3m1ed1mdZicQLVyoPr&#10;lNjSgH9gYUBZuvQB6gIisBuv/oIySngM2MY9gabAtlVC5jfQa+azP15z3YGT+S0kTnAPMoX/Byve&#10;rt97ppqal8eHnFkw1KRx83W8+zHe/Ro339i4+T5uNuPdT4pZmQTrXaio7tpRZRxe4ECNz48P7grF&#10;p8AsnndgV/LMe+w7CQ0RnqfKYqd0wgkJZNm/wYbuhZuIGWhovUlqkj6M0Klxtw/NkkNkgg7L+UF5&#10;eEApQbnnM1Ivd7OA6r7a+RBfSTQsbWruyQwZHdZXISY2UN1/ki6zeKm0zobQlvVEuTwiTCaAfNlq&#10;iLQ1jpQKdsUZ6BUZXkSfIXdqE+QFhI6tgTwXUKtmcplRkayulcl0ZxNdqJI+L22T742g9LQnbtom&#10;VjKbeEs4yZcUm7SLw3LIrZtncVNyic0tCepxMjoNJm069F8468nkxOfzDXjJmX5tqSnH8/39NBU5&#10;2D84Kinwu5nlbgasIKiakxDT9jzmSZrEO6PmtSrr+shk23Iyb5Z7O2hpOnbj/NXj72DxGwAA//8D&#10;AFBLAwQUAAYACAAAACEAweZQVt0AAAAIAQAADwAAAGRycy9kb3ducmV2LnhtbEyPwU6DQBCG7ya+&#10;w2ZMvLWLYGpBlqaaePDQg1XvA0yBlJ1FdkvRp3c82ePk/+afb/LNbHs10eg7xwbulhEo4srVHTcG&#10;Pt5fFmtQPiDX2DsmA9/kYVNcX+WY1e7MbzTtQ6OkhH2GBtoQhkxrX7Vk0S/dQCzZwY0Wg4xjo+sR&#10;z1Juex1H0Upb7FgutDjQc0vVcX+yojF9lkkats773SF+ev3BXXn8Mub2Zt4+ggo0h38Y/vRlBwpx&#10;Kt2Ja696A4sHAQ3EUQpK4iRZJ6BK4e5XKegi15cPFL8AAAD//wMAUEsBAi0AFAAGAAgAAAAhALaD&#10;OJL+AAAA4QEAABMAAAAAAAAAAAAAAAAAAAAAAFtDb250ZW50X1R5cGVzXS54bWxQSwECLQAUAAYA&#10;CAAAACEAOP0h/9YAAACUAQAACwAAAAAAAAAAAAAAAAAvAQAAX3JlbHMvLnJlbHNQSwECLQAUAAYA&#10;CAAAACEAsm7jd1QCAABWBAAADgAAAAAAAAAAAAAAAAAuAgAAZHJzL2Uyb0RvYy54bWxQSwECLQAU&#10;AAYACAAAACEAweZQVt0AAAAIAQAADwAAAAAAAAAAAAAAAACuBAAAZHJzL2Rvd25yZXYueG1sUEsF&#10;BgAAAAAEAAQA8wAAALgFAAAAAA==&#10;" filled="f" stroked="f" strokeweight="1pt">
                <v:textbox>
                  <w:txbxContent>
                    <w:p w14:paraId="35D98684" w14:textId="77777777" w:rsidR="00ED5B44" w:rsidRDefault="004800F3" w:rsidP="00ED5B44">
                      <w:pPr>
                        <w:ind w:leftChars="100" w:left="430" w:hangingChars="100" w:hanging="220"/>
                        <w:rPr>
                          <w:rFonts w:ascii="BIZ UDPゴシック" w:eastAsia="BIZ UDPゴシック" w:hAnsi="BIZ UDPゴシック"/>
                          <w:sz w:val="22"/>
                          <w:szCs w:val="18"/>
                        </w:rPr>
                      </w:pPr>
                      <w:r w:rsidRPr="004800F3">
                        <w:rPr>
                          <w:rFonts w:ascii="BIZ UDPゴシック" w:eastAsia="BIZ UDPゴシック" w:hAnsi="BIZ UDPゴシック" w:hint="eastAsia"/>
                          <w:sz w:val="22"/>
                          <w:szCs w:val="18"/>
                        </w:rPr>
                        <w:t>自分の経験した</w:t>
                      </w:r>
                      <w:r w:rsidRPr="004800F3">
                        <w:rPr>
                          <w:rFonts w:ascii="BIZ UDPゴシック" w:eastAsia="BIZ UDPゴシック" w:hAnsi="BIZ UDPゴシック"/>
                          <w:sz w:val="22"/>
                          <w:szCs w:val="18"/>
                        </w:rPr>
                        <w:t>ことや考えた</w:t>
                      </w:r>
                    </w:p>
                    <w:p w14:paraId="5DE6B777" w14:textId="77777777" w:rsidR="00ED5B44" w:rsidRDefault="004800F3" w:rsidP="00ED5B44">
                      <w:pPr>
                        <w:ind w:left="440" w:hangingChars="200" w:hanging="440"/>
                        <w:jc w:val="center"/>
                        <w:rPr>
                          <w:rFonts w:ascii="BIZ UDPゴシック" w:eastAsia="BIZ UDPゴシック" w:hAnsi="BIZ UDPゴシック"/>
                          <w:sz w:val="22"/>
                          <w:szCs w:val="18"/>
                        </w:rPr>
                      </w:pPr>
                      <w:r w:rsidRPr="004800F3">
                        <w:rPr>
                          <w:rFonts w:ascii="BIZ UDPゴシック" w:eastAsia="BIZ UDPゴシック" w:hAnsi="BIZ UDPゴシック"/>
                          <w:sz w:val="22"/>
                          <w:szCs w:val="18"/>
                        </w:rPr>
                        <w:t>こと</w:t>
                      </w:r>
                      <w:r w:rsidRPr="004800F3">
                        <w:rPr>
                          <w:rFonts w:ascii="BIZ UDPゴシック" w:eastAsia="BIZ UDPゴシック" w:hAnsi="BIZ UDPゴシック" w:hint="eastAsia"/>
                          <w:sz w:val="22"/>
                          <w:szCs w:val="18"/>
                        </w:rPr>
                        <w:t>を身近な</w:t>
                      </w:r>
                      <w:r w:rsidRPr="004800F3">
                        <w:rPr>
                          <w:rFonts w:ascii="BIZ UDPゴシック" w:eastAsia="BIZ UDPゴシック" w:hAnsi="BIZ UDPゴシック"/>
                          <w:sz w:val="22"/>
                          <w:szCs w:val="18"/>
                        </w:rPr>
                        <w:t>人</w:t>
                      </w:r>
                      <w:r w:rsidRPr="004800F3">
                        <w:rPr>
                          <w:rFonts w:ascii="BIZ UDPゴシック" w:eastAsia="BIZ UDPゴシック" w:hAnsi="BIZ UDPゴシック" w:hint="eastAsia"/>
                          <w:sz w:val="22"/>
                          <w:szCs w:val="18"/>
                        </w:rPr>
                        <w:t>に</w:t>
                      </w:r>
                      <w:r w:rsidR="00ED5B44">
                        <w:rPr>
                          <w:rFonts w:ascii="BIZ UDPゴシック" w:eastAsia="BIZ UDPゴシック" w:hAnsi="BIZ UDPゴシック"/>
                          <w:sz w:val="22"/>
                          <w:szCs w:val="18"/>
                        </w:rPr>
                        <w:t>聞いてもら</w:t>
                      </w:r>
                      <w:r w:rsidR="00ED5B44">
                        <w:rPr>
                          <w:rFonts w:ascii="BIZ UDPゴシック" w:eastAsia="BIZ UDPゴシック" w:hAnsi="BIZ UDPゴシック" w:hint="eastAsia"/>
                          <w:sz w:val="22"/>
                          <w:szCs w:val="18"/>
                        </w:rPr>
                        <w:t>う</w:t>
                      </w:r>
                    </w:p>
                    <w:p w14:paraId="55016B22" w14:textId="2461FAFE" w:rsidR="004800F3" w:rsidRPr="004800F3" w:rsidRDefault="004800F3" w:rsidP="00ED5B44">
                      <w:pPr>
                        <w:ind w:left="440" w:hangingChars="200" w:hanging="440"/>
                        <w:jc w:val="center"/>
                        <w:rPr>
                          <w:rFonts w:ascii="BIZ UDPゴシック" w:eastAsia="BIZ UDPゴシック" w:hAnsi="BIZ UDPゴシック"/>
                          <w:sz w:val="22"/>
                          <w:szCs w:val="18"/>
                        </w:rPr>
                      </w:pPr>
                      <w:r w:rsidRPr="004800F3">
                        <w:rPr>
                          <w:rFonts w:ascii="BIZ UDPゴシック" w:eastAsia="BIZ UDPゴシック" w:hAnsi="BIZ UDPゴシック"/>
                          <w:sz w:val="22"/>
                          <w:szCs w:val="18"/>
                        </w:rPr>
                        <w:t>心地よさを感じる</w:t>
                      </w:r>
                    </w:p>
                  </w:txbxContent>
                </v:textbox>
              </v:shape>
            </w:pict>
          </mc:Fallback>
        </mc:AlternateContent>
      </w:r>
      <w:r w:rsidR="00D669E8" w:rsidRPr="00010A69">
        <w:rPr>
          <w:rFonts w:ascii="BIZ UDPゴシック" w:eastAsia="BIZ UDPゴシック" w:hAnsi="BIZ UDPゴシック"/>
          <w:noProof/>
          <w:sz w:val="18"/>
          <w:szCs w:val="26"/>
        </w:rPr>
        <mc:AlternateContent>
          <mc:Choice Requires="wps">
            <w:drawing>
              <wp:anchor distT="0" distB="0" distL="114300" distR="114300" simplePos="0" relativeHeight="251834368" behindDoc="0" locked="0" layoutInCell="1" allowOverlap="1" wp14:anchorId="4CC9B8C8" wp14:editId="1099D309">
                <wp:simplePos x="0" y="0"/>
                <wp:positionH relativeFrom="column">
                  <wp:posOffset>4129405</wp:posOffset>
                </wp:positionH>
                <wp:positionV relativeFrom="paragraph">
                  <wp:posOffset>142875</wp:posOffset>
                </wp:positionV>
                <wp:extent cx="1504950" cy="241300"/>
                <wp:effectExtent l="0" t="0" r="0" b="6350"/>
                <wp:wrapNone/>
                <wp:docPr id="2" name="テキスト ボックス 2"/>
                <wp:cNvGraphicFramePr/>
                <a:graphic xmlns:a="http://schemas.openxmlformats.org/drawingml/2006/main">
                  <a:graphicData uri="http://schemas.microsoft.com/office/word/2010/wordprocessingShape">
                    <wps:wsp>
                      <wps:cNvSpPr txBox="1"/>
                      <wps:spPr>
                        <a:xfrm>
                          <a:off x="0" y="0"/>
                          <a:ext cx="1504950" cy="241300"/>
                        </a:xfrm>
                        <a:prstGeom prst="rect">
                          <a:avLst/>
                        </a:prstGeom>
                        <a:blipFill>
                          <a:blip r:embed="rId16"/>
                          <a:tile tx="0" ty="0" sx="100000" sy="100000" flip="none" algn="tl"/>
                        </a:blipFill>
                        <a:ln w="6350">
                          <a:noFill/>
                        </a:ln>
                      </wps:spPr>
                      <wps:txbx>
                        <w:txbxContent>
                          <w:p w14:paraId="229CD9DE" w14:textId="7D2271A6" w:rsidR="00D669E8" w:rsidRPr="00D669E8" w:rsidRDefault="00D669E8" w:rsidP="00D669E8">
                            <w:pPr>
                              <w:spacing w:line="200" w:lineRule="exact"/>
                              <w:jc w:val="center"/>
                              <w:rPr>
                                <w:rFonts w:ascii="BIZ UDPゴシック" w:eastAsia="BIZ UDPゴシック" w:hAnsi="BIZ UDPゴシック"/>
                                <w:sz w:val="18"/>
                                <w:szCs w:val="20"/>
                              </w:rPr>
                            </w:pPr>
                            <w:r>
                              <w:rPr>
                                <w:rFonts w:ascii="BIZ UDPゴシック" w:eastAsia="BIZ UDPゴシック" w:hAnsi="BIZ UDPゴシック" w:hint="eastAsia"/>
                                <w:sz w:val="18"/>
                                <w:szCs w:val="20"/>
                              </w:rPr>
                              <w:t>学びに</w:t>
                            </w:r>
                            <w:r>
                              <w:rPr>
                                <w:rFonts w:ascii="BIZ UDPゴシック" w:eastAsia="BIZ UDPゴシック" w:hAnsi="BIZ UDPゴシック"/>
                                <w:sz w:val="18"/>
                                <w:szCs w:val="20"/>
                              </w:rPr>
                              <w:t>向かう力・人間性等</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CC9B8C8" id="_x0000_s1042" type="#_x0000_t202" style="position:absolute;left:0;text-align:left;margin-left:325.15pt;margin-top:11.25pt;width:118.5pt;height:19pt;z-index:251834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JOlZvigAgAAIwUAAA4AAABkcnMvZTJvRG9jLnhtbKxU0WrbMBR9H+wf&#10;hN5XJ2naraZOyVo6CqUttKPPiizHBlnSJKV299jA2EfsF8ae9z3+kR3JcRq6wWAsD8qV7tXVPeee&#10;6+OTtpbkQVhXaZXR8d6IEqG4ziu1zOjHu/M37yhxnqmcSa1ERh+Foyez16+OG5OKiS61zIUlSKJc&#10;2piMlt6bNEkcL0XN3J42QsFZaFszj61dJrllDbLXMpmMRodJo21urObCOZye9U46i/mLQnB/XRRO&#10;eCIzitp8XG1cF2FNZscsXVpmyopvymD/UEXNKoVHt6nOmGdkZavfUtUVt9rpwu9xXSe6KCouIgag&#10;GY9eoLktmRERC8hxZkuT+39p+dXDjSVVntEJJYrVaFG3/tI9fe+efnbrr6Rbf+vW6+7pB/ZkEuhq&#10;jEtx69bgnm/f6xZtH84dDgMLbWHr8A98BH4Q/7glW7Se8HDpYDQ9OoCLwzeZjvdHsRvJ821jnf8g&#10;dE2CkVGLZkaO2cOl86gEoUNIeGwhK3NeSTnYG7rQ7L+Lqm/EmearWijfK8sKyTxk7crKOEpsKuqF&#10;AFH2Io+AWeorKcBBBOgjQuICslH4Qfc4GuwCxWVUYQYoYXKJWfEysAYMu3VLRZqMHu6DlwBD6QCo&#10;D5MK0YH8nuRg+XbR9r3bdmCh80c0xupe6c7w8wrsXTLnb5iFtFEXxtVfYymkxmN6Y1FSavv5T+ch&#10;HiTCS0mDUcmo+7RiFkjkhYIWj8bTKdL6uJkevJ1gY3c9i12PWtWnGtM4BkGGRzPEezmYhdX1PaZ6&#10;Hl6FiymOt0HYYJ76foDxVeBiPo9BmCbD/KW6NTykDuQFbdy198yajYA8pHelh6Fi6Qsd9bE97fOV&#10;10UVRRaI7lnd8I9JjH3bfDXCqO/uY9Tzt232CwAA//8DAFBLAwQUAAYACAAAACEAWGCzG7oAAAAi&#10;AQAAGQAAAGRycy9fcmVscy9lMm9Eb2MueG1sLnJlbHOEj8sKwjAQRfeC/xBmb9O6EJGmbkRwK/UD&#10;hmSaRpsHSRT79wbcKAgu517uOUy7f9qJPSgm452ApqqBkZNeGacFXPrjagssZXQKJ+9IwEwJ9t1y&#10;0Z5pwlxGaTQhsUJxScCYc9hxnuRIFlPlA7nSDD5azOWMmgeUN9TE13W94fGTAd0Xk52UgHhSDbB+&#10;DsX8n+2HwUg6eHm35PIPBTe2uAsQo6YswJIy+A6b6hpIA+9a/vVZ9wIAAP//AwBQSwMEFAAGAAgA&#10;AAAhAMoVWz/dAAAACQEAAA8AAABkcnMvZG93bnJldi54bWxMj8FOhDAQhu8mvkMzJt7cFgxIkLJx&#10;1+jRuLgevA1QgUinhJZdfHvHkx5n/i//fFNsVzuKk5n94EhDtFEgDDWuHajTcHx7uslA+IDU4ujI&#10;aPg2Hrbl5UWBeevOdDCnKnSCS8jnqKEPYcql9E1vLPqNmwxx9ulmi4HHuZPtjGcut6OMlUqlxYH4&#10;Qo+T2fem+aoWq+F5ccMO030dvT4eqw+/e4/VS6T19dX6cA8imDX8wfCrz+pQslPtFmq9GDWkibpl&#10;VEMcJyAYyLI7XtScqARkWcj/H5Q/AAAA//8DAFBLAwQKAAAAAAAAACEAtKbc/WkGAABpBgAAFQAA&#10;AGRycy9tZWRpYS9pbWFnZTEuanBlZ//Y/+AAEEpGSUYAAQEBAEsASwAA/+MDDk1TTyBQYWxldHRl&#10;IPrsz/vt0fvu0vvv1vzu0vzv0vzw1fzw2Pzx1f3v0v3v1v3x2f3y2f3y3P3z3P7w1f7x1v7x2f7y&#10;2P7y2v7y3P7z3v703/713v714P714v724f725P735f746P/z2//14fjqzvnszvns0Pns0vnu1frq&#10;zfrrz/rtz/rt0vrt1Prt1frv1vvszfvsz/vs0Pvs0fvtz/vt0vvt0/vu0Pvu0fvu0/vu1Pvu1fvv&#10;0fvv0/vv1fvv2Pvw1/vw2vvx1vvx2vvx2/vy3Pzrzvztzvzt0Pzt0fzuz/zu0fzu0/zu1Pzu1vzv&#10;0/zv1Pzv1fzv1vzv1/zw1Pzw1vzw1/zw2fzw2vzx1Pzx1vzx2Pzx2fzx2vzx2/zx3Pzy1vzy2/zz&#10;3Pzz3fzz3vz03/z04Pz04v3szf3tzv3tz/3t0f3uz/3u0P3u0f3u0v3vzv3v0P3v0f3v0/3v1P3v&#10;1f3v1/3wz/3w0v3w0/3w1P3w1f3w1v3w1/3w2P3w2f3x0/3x1P3x1f3x1v3x1/3x2P3x2v3x2/3y&#10;1f3y1/3y2P3y2v3y2/3y3f3z2f3z2v3z2/3z3f3z3v303f314f315P325P335P7v0P7v0v7v1P7v&#10;1f7w0v7w0/7w1P7w1v7w1/7w2P7x0/7x1P7x1f7x1/7x2P7x2v7x2/7y1f7y1v7y1/7y2f7y2/7y&#10;3f7z1v7z2P7z2f7z2v7z2/7z3P7z3f7z3/702f702v702/703P703f703v704P704f713f713/71&#10;4f714/724P724v724/735P735/745P745v756f756//w0//x1v/x2P/y1f/y1//y2P/y2f/y2v/y&#10;2//y3P/z1v/z1//z2P/z2f/z2v/z3P/z3f/z3v/02P/02v/02//03P/03f/03v/03//04P/04f/1&#10;2//13P/13f/13v/13//14P/14v/14//23v/23//24P/24f/24v/24//25P/25f/34f/34//35P/3&#10;5f/35v/35//45v/45//46P/46f/46v/55v/56f/bAEMACwgICggHCwoJCg0MCw0RHBIRDw8RIhka&#10;FBwpJCsqKCQnJy0yQDctMD0wJyc4TDk9Q0VISUgrNk9VTkZUQEdIRf/bAEMBDA0NEQ8RIRISIUUu&#10;Jy5FRUVFRUVFRUVFRUVFRUVFRUVFRUVFRUVFRUVFRUVFRUVFRUVFRUVFRUVFRUVFRUVFRf/AABEI&#10;AIAAgAMBIgACEQEDEQH/xAAYAAEBAQEBAAAAAAAAAAAAAAABAAIDB//EACEQAAMAAgIDAQEBAQAA&#10;AAAAAAABESExAkESUXFhgZGh/8QAGAEBAQADAAAAAAAAAAAAAAAAAAECAwT/xAAYEQEBAQEBAAAA&#10;AAAAAAAAAAAAEQEhMf/aAAwDAQACEQMRAD8A9UbaM10nSRytxpPk5ghlAzWL6Jos+gJKrZT9JLAz&#10;P6EaT9k8mWwXItIn7BvI8ngERWrUSugWRqKihDstLAC+NDwRX0wb+pl4BrxK4BktmKtYBlMiAwEh&#10;6FFiMNdB4+jpyahzo0K4Y2KlhlNpm28AZZF/RwiKEaTX9Msk8aGIk4Ty8Asm0kMGPoaNuL6ZmQqT&#10;Nf8ATMzCWAF5wFmjTOb2NHRPyCVmeLdNpFxE1lhMm4FggzoLk2EySAftE1M9i/fQcnQCZNIFl7KR&#10;lCtmogi2D5DwXLZVdFbszM4A28LANW0F9NLQGMU3TMjwiAU/Y8jHZrj6FDxEz8RWEoX2Y8c5NJuk&#10;4nsopNi9lcAuVWgBWQXxyLbeEGYBRjPwzpB5OgafsrHkKLXlkCfIwnWb4q8Yy8JoSjPJDMZNNGEs&#10;xiBTipNJ/TcwZb9CCmA3hME32aSmyDIrcGYJLsQOgbf9J8vzIrKKMWk85NeK7JpTYgJ/ovliIHsM&#10;2AK2ayCTQtTsATySeP0arAfH/AM5b/BTgRzArogcFQeidaUAk2b2iiZnlhl8E1WBq1AgGe2Z28i2&#10;HYE6PHpltQnh4A1UyZhezSb12Wiif0o7vBnlgVyU/SC5LsPGE2Xl6AmhWE6CNSgLjM45GvuzL/Bo&#10;pA6sLs2lgQcllnRRIIroahgksUy29o35Iy1mIui8l6C9l4E16J0TdJKAOyCePrDSN+IPjgsKytnR&#10;YOdaeDVcGGv/2VBLAQItABQABgAIAAAAIQCKFT+YDAEAABUCAAATAAAAAAAAAAAAAAAAAAAAAABb&#10;Q29udGVudF9UeXBlc10ueG1sUEsBAi0AFAAGAAgAAAAhADj9If/WAAAAlAEAAAsAAAAAAAAAAAAA&#10;AAAAPQEAAF9yZWxzLy5yZWxzUEsBAi0AFAAGAAgAAAAhAJOlZvigAgAAIwUAAA4AAAAAAAAAAAAA&#10;AAAAPAIAAGRycy9lMm9Eb2MueG1sUEsBAi0AFAAGAAgAAAAhAFhgsxu6AAAAIgEAABkAAAAAAAAA&#10;AAAAAAAACAUAAGRycy9fcmVscy9lMm9Eb2MueG1sLnJlbHNQSwECLQAUAAYACAAAACEAyhVbP90A&#10;AAAJAQAADwAAAAAAAAAAAAAAAAD5BQAAZHJzL2Rvd25yZXYueG1sUEsBAi0ACgAAAAAAAAAhALSm&#10;3P1pBgAAaQYAABUAAAAAAAAAAAAAAAAAAwcAAGRycy9tZWRpYS9pbWFnZTEuanBlZ1BLBQYAAAAA&#10;BgAGAH0BAACfDQAAAAA=&#10;" stroked="f" strokeweight=".5pt">
                <v:fill r:id="rId17" o:title="" recolor="t" rotate="t" type="tile"/>
                <v:textbox>
                  <w:txbxContent>
                    <w:p w14:paraId="229CD9DE" w14:textId="7D2271A6" w:rsidR="00D669E8" w:rsidRPr="00D669E8" w:rsidRDefault="00D669E8" w:rsidP="00D669E8">
                      <w:pPr>
                        <w:spacing w:line="200" w:lineRule="exact"/>
                        <w:jc w:val="center"/>
                        <w:rPr>
                          <w:rFonts w:ascii="BIZ UDPゴシック" w:eastAsia="BIZ UDPゴシック" w:hAnsi="BIZ UDPゴシック" w:hint="eastAsia"/>
                          <w:sz w:val="18"/>
                          <w:szCs w:val="20"/>
                        </w:rPr>
                      </w:pPr>
                      <w:r>
                        <w:rPr>
                          <w:rFonts w:ascii="BIZ UDPゴシック" w:eastAsia="BIZ UDPゴシック" w:hAnsi="BIZ UDPゴシック" w:hint="eastAsia"/>
                          <w:sz w:val="18"/>
                          <w:szCs w:val="20"/>
                        </w:rPr>
                        <w:t>学びに</w:t>
                      </w:r>
                      <w:r>
                        <w:rPr>
                          <w:rFonts w:ascii="BIZ UDPゴシック" w:eastAsia="BIZ UDPゴシック" w:hAnsi="BIZ UDPゴシック"/>
                          <w:sz w:val="18"/>
                          <w:szCs w:val="20"/>
                        </w:rPr>
                        <w:t>向かう力・人間性等</w:t>
                      </w:r>
                    </w:p>
                  </w:txbxContent>
                </v:textbox>
              </v:shape>
            </w:pict>
          </mc:Fallback>
        </mc:AlternateContent>
      </w:r>
    </w:p>
    <w:p w14:paraId="16BD351C" w14:textId="71E11B3C" w:rsidR="009A47CE" w:rsidRDefault="009A47CE" w:rsidP="00767EAA">
      <w:pPr>
        <w:spacing w:line="276" w:lineRule="auto"/>
        <w:ind w:firstLineChars="1200" w:firstLine="2880"/>
        <w:rPr>
          <w:rFonts w:ascii="BIZ UDPゴシック" w:eastAsia="BIZ UDPゴシック" w:hAnsi="BIZ UDPゴシック"/>
          <w:sz w:val="24"/>
          <w:szCs w:val="24"/>
        </w:rPr>
      </w:pPr>
    </w:p>
    <w:p w14:paraId="73AB22AC" w14:textId="03EA5C11" w:rsidR="009A47CE" w:rsidRDefault="009A47CE" w:rsidP="00767EAA">
      <w:pPr>
        <w:spacing w:line="276" w:lineRule="auto"/>
        <w:ind w:firstLineChars="1200" w:firstLine="2880"/>
        <w:rPr>
          <w:rFonts w:ascii="BIZ UDPゴシック" w:eastAsia="BIZ UDPゴシック" w:hAnsi="BIZ UDPゴシック"/>
          <w:sz w:val="24"/>
          <w:szCs w:val="24"/>
        </w:rPr>
      </w:pPr>
    </w:p>
    <w:p w14:paraId="075E26D6" w14:textId="4566D971" w:rsidR="00E56493" w:rsidRDefault="00E56493" w:rsidP="00767EAA">
      <w:pPr>
        <w:spacing w:line="276" w:lineRule="auto"/>
        <w:ind w:firstLineChars="1200" w:firstLine="2880"/>
        <w:rPr>
          <w:rFonts w:ascii="BIZ UDPゴシック" w:eastAsia="BIZ UDPゴシック" w:hAnsi="BIZ UDPゴシック"/>
          <w:sz w:val="24"/>
          <w:szCs w:val="24"/>
        </w:rPr>
      </w:pPr>
    </w:p>
    <w:p w14:paraId="596D5D1E" w14:textId="3A14BAA8" w:rsidR="00A0263B" w:rsidRPr="000201D2" w:rsidRDefault="005F18AA" w:rsidP="000201D2">
      <w:pPr>
        <w:spacing w:line="276" w:lineRule="auto"/>
        <w:ind w:firstLineChars="2100" w:firstLine="4620"/>
        <w:rPr>
          <w:rFonts w:ascii="BIZ UDPゴシック" w:eastAsia="BIZ UDPゴシック" w:hAnsi="BIZ UDPゴシック"/>
          <w:sz w:val="22"/>
          <w:szCs w:val="24"/>
        </w:rPr>
      </w:pPr>
      <w:r w:rsidRPr="000201D2">
        <w:rPr>
          <w:rFonts w:ascii="BIZ UDPゴシック" w:eastAsia="BIZ UDPゴシック" w:hAnsi="BIZ UDPゴシック" w:hint="eastAsia"/>
          <w:sz w:val="22"/>
          <w:szCs w:val="24"/>
        </w:rPr>
        <w:t>伊丹市  架け橋期のカリキュラム(5歳児)より抜粋</w:t>
      </w:r>
    </w:p>
    <w:p w14:paraId="539A3D89" w14:textId="77777777" w:rsidR="00F83BA0" w:rsidRDefault="002C5FBF" w:rsidP="00A37B3C">
      <w:pPr>
        <w:rPr>
          <w:rFonts w:ascii="ＭＳ Ｐゴシック" w:eastAsia="ＭＳ Ｐゴシック" w:hAnsi="ＭＳ Ｐゴシック"/>
          <w:b/>
          <w:sz w:val="28"/>
          <w:szCs w:val="28"/>
        </w:rPr>
      </w:pPr>
      <w:r w:rsidRPr="0077035C">
        <w:rPr>
          <w:rFonts w:ascii="BIZ UDPゴシック" w:eastAsia="BIZ UDPゴシック" w:hAnsi="BIZ UDPゴシック"/>
          <w:noProof/>
        </w:rPr>
        <w:lastRenderedPageBreak/>
        <mc:AlternateContent>
          <mc:Choice Requires="wps">
            <w:drawing>
              <wp:anchor distT="0" distB="0" distL="114300" distR="114300" simplePos="0" relativeHeight="251743232" behindDoc="0" locked="0" layoutInCell="1" allowOverlap="1" wp14:anchorId="13196E60" wp14:editId="7FC135B9">
                <wp:simplePos x="0" y="0"/>
                <wp:positionH relativeFrom="margin">
                  <wp:posOffset>2110105</wp:posOffset>
                </wp:positionH>
                <wp:positionV relativeFrom="paragraph">
                  <wp:posOffset>118110</wp:posOffset>
                </wp:positionV>
                <wp:extent cx="3282950" cy="428625"/>
                <wp:effectExtent l="0" t="0" r="0" b="0"/>
                <wp:wrapNone/>
                <wp:docPr id="32" name="テキスト ボックス 32"/>
                <wp:cNvGraphicFramePr/>
                <a:graphic xmlns:a="http://schemas.openxmlformats.org/drawingml/2006/main">
                  <a:graphicData uri="http://schemas.microsoft.com/office/word/2010/wordprocessingShape">
                    <wps:wsp>
                      <wps:cNvSpPr txBox="1"/>
                      <wps:spPr>
                        <a:xfrm>
                          <a:off x="0" y="0"/>
                          <a:ext cx="3282950" cy="428625"/>
                        </a:xfrm>
                        <a:prstGeom prst="rect">
                          <a:avLst/>
                        </a:prstGeom>
                        <a:noFill/>
                        <a:ln w="6350">
                          <a:noFill/>
                        </a:ln>
                      </wps:spPr>
                      <wps:txbx>
                        <w:txbxContent>
                          <w:p w14:paraId="422F000D" w14:textId="77777777" w:rsidR="00D01284" w:rsidRPr="00A53868" w:rsidRDefault="00D01284" w:rsidP="00D01284">
                            <w:pPr>
                              <w:spacing w:line="260" w:lineRule="exact"/>
                              <w:jc w:val="left"/>
                              <w:rPr>
                                <w:rFonts w:ascii="BIZ UDPゴシック" w:eastAsia="BIZ UDPゴシック" w:hAnsi="BIZ UDPゴシック"/>
                                <w:sz w:val="24"/>
                                <w:szCs w:val="24"/>
                              </w:rPr>
                            </w:pPr>
                            <w:r w:rsidRPr="00A53868">
                              <w:rPr>
                                <w:rFonts w:ascii="BIZ UDPゴシック" w:eastAsia="BIZ UDPゴシック" w:hAnsi="BIZ UDPゴシック" w:hint="eastAsia"/>
                                <w:sz w:val="24"/>
                                <w:szCs w:val="24"/>
                              </w:rPr>
                              <w:t>☆紹介の専門書</w:t>
                            </w:r>
                            <w:r w:rsidRPr="00A53868">
                              <w:rPr>
                                <w:rFonts w:ascii="BIZ UDPゴシック" w:eastAsia="BIZ UDPゴシック" w:hAnsi="BIZ UDPゴシック"/>
                                <w:sz w:val="24"/>
                                <w:szCs w:val="24"/>
                              </w:rPr>
                              <w:t>は</w:t>
                            </w:r>
                            <w:r w:rsidRPr="00A53868">
                              <w:rPr>
                                <w:rFonts w:ascii="BIZ UDPゴシック" w:eastAsia="BIZ UDPゴシック" w:hAnsi="BIZ UDPゴシック" w:hint="eastAsia"/>
                                <w:sz w:val="24"/>
                                <w:szCs w:val="24"/>
                              </w:rPr>
                              <w:t>貸本</w:t>
                            </w:r>
                            <w:r w:rsidRPr="00A53868">
                              <w:rPr>
                                <w:rFonts w:ascii="BIZ UDPゴシック" w:eastAsia="BIZ UDPゴシック" w:hAnsi="BIZ UDPゴシック"/>
                                <w:sz w:val="24"/>
                                <w:szCs w:val="24"/>
                              </w:rPr>
                              <w:t>として幼児教育センター</w:t>
                            </w:r>
                            <w:r w:rsidRPr="00A53868">
                              <w:rPr>
                                <w:rFonts w:ascii="BIZ UDPゴシック" w:eastAsia="BIZ UDPゴシック" w:hAnsi="BIZ UDPゴシック" w:hint="eastAsia"/>
                                <w:sz w:val="24"/>
                                <w:szCs w:val="24"/>
                              </w:rPr>
                              <w:t>に置いておりますので</w:t>
                            </w:r>
                            <w:r w:rsidRPr="00A53868">
                              <w:rPr>
                                <w:rFonts w:ascii="BIZ UDPゴシック" w:eastAsia="BIZ UDPゴシック" w:hAnsi="BIZ UDPゴシック"/>
                                <w:sz w:val="24"/>
                                <w:szCs w:val="24"/>
                              </w:rPr>
                              <w:t>是非ご利用くださ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196E60" id="テキスト ボックス 32" o:spid="_x0000_s1043" type="#_x0000_t202" style="position:absolute;left:0;text-align:left;margin-left:166.15pt;margin-top:9.3pt;width:258.5pt;height:33.75pt;z-index:2517432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g9S9UQIAAGwEAAAOAAAAZHJzL2Uyb0RvYy54bWysVM2O0zAQviPxDpbvNG36Qzdquiq7KkKq&#10;dlfqoj27jtNGSjzGdpuUYyshHoJXQJx5nrwIY6fploUT4uLMeMbz830zmVxXRU52QpsMZEx7nS4l&#10;QnJIMrmO6cfH+ZsxJcYymbAcpIjpXhh6PX39alKqSISwgTwRmmAQaaJSxXRjrYqCwPCNKJjpgBIS&#10;jSnogllU9TpINCsxepEHYbc7CkrQidLAhTF4e9sY6dTHT1PB7X2aGmFJHlOszfpT+3PlzmA6YdFa&#10;M7XJ+KkM9g9VFCyTmPQc6pZZRrY6+yNUkXENBlLb4VAEkKYZF74H7KbXfdHNcsOU8L0gOEadYTL/&#10;Lyy/2z1okiUx7YeUSFYgR/XxS334Xh9+1sevpD5+q4/H+vADdYI+CFipTITvlgpf2uodVEh8e2/w&#10;0uFQpbpwX+yQoB2h35/hFpUlHC/74Ti8GqKJo20Qjkfh0IUJnl8rbex7AQVxQkw10ulRZruFsY1r&#10;6+KSSZhnee4pzSUpYzrqY/jfLBg8l5jD9dDU6iRbrSoPQq/fNrKCZI/9aWhGxig+z7CIBTP2gWmc&#10;Eawb597e45HmgMngJFGyAf35b/fOH6lDKyUlzlxMzact04KS/INEUq96g4EbUq8Mhm9DVPSlZXVp&#10;kdviBnCse7hhinvR+du8FVMNxROux8xlRROTHHPH1LbijW02AdeLi9nMO+FYKmYXcqm4C+3AcxA/&#10;Vk9MqxMPFhm8g3Y6WfSCjsa3gX22tZBmnisHdIPqCX8cac/2af3czlzq3uv5JzH9BQAA//8DAFBL&#10;AwQUAAYACAAAACEAE7V/d+AAAAAJAQAADwAAAGRycy9kb3ducmV2LnhtbEyPQU+DQBCF7yb+h82Y&#10;eLNLQQkiS9OQNCZGD629eBvYKRDZXWS3LfrrHU/1NjPv5c33itVsBnGiyffOKlguIhBkG6d72yrY&#10;v2/uMhA+oNU4OEsKvsnDqry+KjDX7my3dNqFVnCI9Tkq6EIYcyl905FBv3AjWdYObjIYeJ1aqSc8&#10;c7gZZBxFqTTYW/7Q4UhVR83n7mgUvFSbN9zWscl+hur59bAev/YfD0rd3szrJxCB5nAxwx8+o0PJ&#10;TLU7Wu3FoCBJ4oStLGQpCDZk9498qHlIlyDLQv5vUP4CAAD//wMAUEsBAi0AFAAGAAgAAAAhALaD&#10;OJL+AAAA4QEAABMAAAAAAAAAAAAAAAAAAAAAAFtDb250ZW50X1R5cGVzXS54bWxQSwECLQAUAAYA&#10;CAAAACEAOP0h/9YAAACUAQAACwAAAAAAAAAAAAAAAAAvAQAAX3JlbHMvLnJlbHNQSwECLQAUAAYA&#10;CAAAACEAoIPUvVECAABsBAAADgAAAAAAAAAAAAAAAAAuAgAAZHJzL2Uyb0RvYy54bWxQSwECLQAU&#10;AAYACAAAACEAE7V/d+AAAAAJAQAADwAAAAAAAAAAAAAAAACrBAAAZHJzL2Rvd25yZXYueG1sUEsF&#10;BgAAAAAEAAQA8wAAALgFAAAAAA==&#10;" filled="f" stroked="f" strokeweight=".5pt">
                <v:textbox>
                  <w:txbxContent>
                    <w:p w14:paraId="422F000D" w14:textId="77777777" w:rsidR="00D01284" w:rsidRPr="00A53868" w:rsidRDefault="00D01284" w:rsidP="00D01284">
                      <w:pPr>
                        <w:spacing w:line="260" w:lineRule="exact"/>
                        <w:jc w:val="left"/>
                        <w:rPr>
                          <w:rFonts w:ascii="BIZ UDPゴシック" w:eastAsia="BIZ UDPゴシック" w:hAnsi="BIZ UDPゴシック"/>
                          <w:sz w:val="24"/>
                          <w:szCs w:val="24"/>
                        </w:rPr>
                      </w:pPr>
                      <w:r w:rsidRPr="00A53868">
                        <w:rPr>
                          <w:rFonts w:ascii="BIZ UDPゴシック" w:eastAsia="BIZ UDPゴシック" w:hAnsi="BIZ UDPゴシック" w:hint="eastAsia"/>
                          <w:sz w:val="24"/>
                          <w:szCs w:val="24"/>
                        </w:rPr>
                        <w:t>☆紹介の専門書</w:t>
                      </w:r>
                      <w:r w:rsidRPr="00A53868">
                        <w:rPr>
                          <w:rFonts w:ascii="BIZ UDPゴシック" w:eastAsia="BIZ UDPゴシック" w:hAnsi="BIZ UDPゴシック"/>
                          <w:sz w:val="24"/>
                          <w:szCs w:val="24"/>
                        </w:rPr>
                        <w:t>は</w:t>
                      </w:r>
                      <w:r w:rsidRPr="00A53868">
                        <w:rPr>
                          <w:rFonts w:ascii="BIZ UDPゴシック" w:eastAsia="BIZ UDPゴシック" w:hAnsi="BIZ UDPゴシック" w:hint="eastAsia"/>
                          <w:sz w:val="24"/>
                          <w:szCs w:val="24"/>
                        </w:rPr>
                        <w:t>貸本</w:t>
                      </w:r>
                      <w:r w:rsidRPr="00A53868">
                        <w:rPr>
                          <w:rFonts w:ascii="BIZ UDPゴシック" w:eastAsia="BIZ UDPゴシック" w:hAnsi="BIZ UDPゴシック"/>
                          <w:sz w:val="24"/>
                          <w:szCs w:val="24"/>
                        </w:rPr>
                        <w:t>として幼児教育センター</w:t>
                      </w:r>
                      <w:r w:rsidRPr="00A53868">
                        <w:rPr>
                          <w:rFonts w:ascii="BIZ UDPゴシック" w:eastAsia="BIZ UDPゴシック" w:hAnsi="BIZ UDPゴシック" w:hint="eastAsia"/>
                          <w:sz w:val="24"/>
                          <w:szCs w:val="24"/>
                        </w:rPr>
                        <w:t>に置いておりますので</w:t>
                      </w:r>
                      <w:r w:rsidRPr="00A53868">
                        <w:rPr>
                          <w:rFonts w:ascii="BIZ UDPゴシック" w:eastAsia="BIZ UDPゴシック" w:hAnsi="BIZ UDPゴシック"/>
                          <w:sz w:val="24"/>
                          <w:szCs w:val="24"/>
                        </w:rPr>
                        <w:t>是非ご利用ください。</w:t>
                      </w:r>
                    </w:p>
                  </w:txbxContent>
                </v:textbox>
                <w10:wrap anchorx="margin"/>
              </v:shape>
            </w:pict>
          </mc:Fallback>
        </mc:AlternateContent>
      </w:r>
      <w:r w:rsidR="000A5EC7" w:rsidRPr="00683535">
        <w:rPr>
          <w:rFonts w:ascii="ＭＳ Ｐゴシック" w:eastAsia="ＭＳ Ｐゴシック" w:hAnsi="ＭＳ Ｐゴシック" w:hint="eastAsia"/>
          <w:b/>
          <w:sz w:val="28"/>
          <w:szCs w:val="28"/>
          <w:u w:val="single"/>
        </w:rPr>
        <w:t>★おススメ保育専門書</w:t>
      </w:r>
      <w:r w:rsidR="00CB091B" w:rsidRPr="00683535">
        <w:rPr>
          <w:rFonts w:ascii="ＭＳ Ｐゴシック" w:eastAsia="ＭＳ Ｐゴシック" w:hAnsi="ＭＳ Ｐゴシック" w:hint="eastAsia"/>
          <w:b/>
          <w:sz w:val="28"/>
          <w:szCs w:val="28"/>
        </w:rPr>
        <w:t xml:space="preserve">　　　　　　　　　　　　　　　　　　　　　　</w:t>
      </w:r>
    </w:p>
    <w:p w14:paraId="5F37915A" w14:textId="30A25E98" w:rsidR="00F83BA0" w:rsidRDefault="001974B8" w:rsidP="00A37B3C">
      <w:pPr>
        <w:rPr>
          <w:rFonts w:ascii="ＭＳ Ｐゴシック" w:eastAsia="ＭＳ Ｐゴシック" w:hAnsi="ＭＳ Ｐゴシック"/>
          <w:b/>
          <w:sz w:val="28"/>
          <w:szCs w:val="28"/>
        </w:rPr>
      </w:pPr>
      <w:r>
        <w:rPr>
          <w:noProof/>
        </w:rPr>
        <w:drawing>
          <wp:anchor distT="0" distB="0" distL="114300" distR="114300" simplePos="0" relativeHeight="251811840" behindDoc="0" locked="0" layoutInCell="1" allowOverlap="1" wp14:anchorId="2BC4CEC3" wp14:editId="24338E53">
            <wp:simplePos x="0" y="0"/>
            <wp:positionH relativeFrom="column">
              <wp:posOffset>315595</wp:posOffset>
            </wp:positionH>
            <wp:positionV relativeFrom="paragraph">
              <wp:posOffset>335915</wp:posOffset>
            </wp:positionV>
            <wp:extent cx="1274445" cy="1593850"/>
            <wp:effectExtent l="0" t="0" r="1905" b="6350"/>
            <wp:wrapNone/>
            <wp:docPr id="1397627570"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274445" cy="159385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45720" distB="45720" distL="114300" distR="114300" simplePos="0" relativeHeight="251813888" behindDoc="0" locked="0" layoutInCell="1" allowOverlap="1" wp14:anchorId="2145D41B" wp14:editId="1823630B">
                <wp:simplePos x="0" y="0"/>
                <wp:positionH relativeFrom="column">
                  <wp:posOffset>1976755</wp:posOffset>
                </wp:positionH>
                <wp:positionV relativeFrom="paragraph">
                  <wp:posOffset>177165</wp:posOffset>
                </wp:positionV>
                <wp:extent cx="3340100" cy="1035050"/>
                <wp:effectExtent l="0" t="0" r="12700" b="12700"/>
                <wp:wrapSquare wrapText="bothSides"/>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40100" cy="1035050"/>
                        </a:xfrm>
                        <a:prstGeom prst="rect">
                          <a:avLst/>
                        </a:prstGeom>
                        <a:solidFill>
                          <a:srgbClr val="FFCCFF"/>
                        </a:solidFill>
                        <a:ln w="9525">
                          <a:solidFill>
                            <a:srgbClr val="FFCCFF"/>
                          </a:solidFill>
                          <a:miter lim="800000"/>
                          <a:headEnd/>
                          <a:tailEnd/>
                        </a:ln>
                      </wps:spPr>
                      <wps:txbx>
                        <w:txbxContent>
                          <w:p w14:paraId="0CBED2E5" w14:textId="77777777" w:rsidR="00A53868" w:rsidRPr="00A53868" w:rsidRDefault="00A53868" w:rsidP="00A53868">
                            <w:pPr>
                              <w:rPr>
                                <w:rFonts w:ascii="BIZ UDPゴシック" w:eastAsia="BIZ UDPゴシック" w:hAnsi="BIZ UDPゴシック"/>
                                <w:szCs w:val="21"/>
                              </w:rPr>
                            </w:pPr>
                            <w:r w:rsidRPr="00A53868">
                              <w:rPr>
                                <w:rFonts w:ascii="BIZ UDPゴシック" w:eastAsia="BIZ UDPゴシック" w:hAnsi="BIZ UDPゴシック" w:hint="eastAsia"/>
                                <w:szCs w:val="21"/>
                              </w:rPr>
                              <w:t>心の力を育み　発達を支える</w:t>
                            </w:r>
                          </w:p>
                          <w:p w14:paraId="0FAD6094" w14:textId="77777777" w:rsidR="00A53868" w:rsidRPr="00A53868" w:rsidRDefault="00A53868" w:rsidP="00A53868">
                            <w:pPr>
                              <w:rPr>
                                <w:rFonts w:ascii="BIZ UDPゴシック" w:eastAsia="BIZ UDPゴシック" w:hAnsi="BIZ UDPゴシック"/>
                                <w:b/>
                                <w:bCs/>
                                <w:sz w:val="24"/>
                                <w:szCs w:val="24"/>
                              </w:rPr>
                            </w:pPr>
                            <w:r w:rsidRPr="00A53868">
                              <w:rPr>
                                <w:rFonts w:ascii="BIZ UDPゴシック" w:eastAsia="BIZ UDPゴシック" w:hAnsi="BIZ UDPゴシック" w:hint="eastAsia"/>
                                <w:b/>
                                <w:bCs/>
                                <w:sz w:val="24"/>
                                <w:szCs w:val="24"/>
                              </w:rPr>
                              <w:t>「保育におけるアタッチメント」</w:t>
                            </w:r>
                          </w:p>
                          <w:p w14:paraId="144D6C02" w14:textId="3887BD0C" w:rsidR="00A53868" w:rsidRPr="00A53868" w:rsidRDefault="00A53868" w:rsidP="00A53868">
                            <w:pPr>
                              <w:rPr>
                                <w:rFonts w:ascii="BIZ UDPゴシック" w:eastAsia="BIZ UDPゴシック" w:hAnsi="BIZ UDPゴシック"/>
                                <w:szCs w:val="21"/>
                              </w:rPr>
                            </w:pPr>
                            <w:r w:rsidRPr="00A53868">
                              <w:rPr>
                                <w:rFonts w:ascii="BIZ UDPゴシック" w:eastAsia="BIZ UDPゴシック" w:hAnsi="BIZ UDPゴシック" w:hint="eastAsia"/>
                                <w:szCs w:val="21"/>
                              </w:rPr>
                              <w:t>遠藤　利彦　著</w:t>
                            </w:r>
                            <w:r>
                              <w:rPr>
                                <w:rFonts w:ascii="BIZ UDPゴシック" w:eastAsia="BIZ UDPゴシック" w:hAnsi="BIZ UDPゴシック" w:hint="eastAsia"/>
                                <w:szCs w:val="21"/>
                              </w:rPr>
                              <w:t xml:space="preserve">　</w:t>
                            </w:r>
                            <w:r w:rsidRPr="00A53868">
                              <w:rPr>
                                <w:rFonts w:ascii="BIZ UDPゴシック" w:eastAsia="BIZ UDPゴシック" w:hAnsi="BIZ UDPゴシック" w:hint="eastAsia"/>
                                <w:szCs w:val="21"/>
                              </w:rPr>
                              <w:t>〈東京大学大学院教育学研究科教授〉</w:t>
                            </w:r>
                          </w:p>
                          <w:p w14:paraId="79353D66" w14:textId="77777777" w:rsidR="00A53868" w:rsidRPr="00C77929" w:rsidRDefault="00A53868" w:rsidP="00A53868">
                            <w:pPr>
                              <w:rPr>
                                <w:rFonts w:ascii="BIZ UDPゴシック" w:eastAsia="BIZ UDPゴシック" w:hAnsi="BIZ UDPゴシック"/>
                                <w:sz w:val="18"/>
                                <w:szCs w:val="18"/>
                              </w:rPr>
                            </w:pPr>
                            <w:bookmarkStart w:id="0" w:name="_Hlk215239257"/>
                            <w:bookmarkStart w:id="1" w:name="_Hlk215239258"/>
                            <w:r w:rsidRPr="00A53868">
                              <w:rPr>
                                <w:rFonts w:ascii="BIZ UDPゴシック" w:eastAsia="BIZ UDPゴシック" w:hAnsi="BIZ UDPゴシック" w:hint="eastAsia"/>
                                <w:szCs w:val="21"/>
                              </w:rPr>
                              <w:t>出版社：チャイルド本社</w:t>
                            </w:r>
                            <w:bookmarkEnd w:id="0"/>
                            <w:bookmarkEnd w:id="1"/>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145D41B" id="_x0000_s1044" type="#_x0000_t202" style="position:absolute;left:0;text-align:left;margin-left:155.65pt;margin-top:13.95pt;width:263pt;height:81.5pt;z-index:25181388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MZnrRwIAAGAEAAAOAAAAZHJzL2Uyb0RvYy54bWysVM2O0zAQviPxDpbvNEl/2N2o6WrpUoS0&#10;C0gLD+A6TmPheILtNinHVkI8BK+AOPM8eRHGTluq5bYiB8vj8Xye+b6ZTK/bSpGNMFaCzmgyiCkR&#10;mkMu9Sqjnz4uXlxSYh3TOVOgRUa3wtLr2fNn06ZOxRBKULkwBEG0TZs6o6VzdRpFlpeiYnYAtdDo&#10;LMBUzKFpVlFuWIPolYqGcfwyasDktQEurMXT295JZwG/KAR374vCCkdURjE3F1YT1qVfo9mUpSvD&#10;6lLyQxrsCVlUTGp89AR1yxwjayP/gaokN2ChcAMOVQRFIbkINWA1SfyomoeS1SLUguTY+kST/X+w&#10;/N3mgyEyz+gwuaBEswpF6vbfut3Pbve7238n3f5Ht993u19ok6EnrKltinEPNUa69hW0KHwo3tZ3&#10;wD9bomFeMr0SN8ZAUwqWY8KJj4zOQnsc60GWzT3k+C5bOwhAbWEqzybyQxAdhduexBKtIxwPR6Mx&#10;MoYujr4kHk3iSZAzYukxvDbWvRFQEb/JqMFuCPBsc2edT4elxyv+NQtK5gupVDDMajlXhmwYds5i&#10;MZ8vFqGCR9eUJk1GrybDSc/AEyAq6XAElKwyehn7r29Kz9trnYcGdUyqfo8pK30g0nPXs+jaZRtE&#10;TMZHgZaQb5FaA33L44jipgTzlZIG2z2j9suaGUGJeqtRnqtkPPbzEYzx5GKIhjn3LM89THOEyqij&#10;pN/OXZgpT5yGG5SxkIFgr3efySFnbOPA+2Hk/Jyc2+HW3x/D7A8AAAD//wMAUEsDBBQABgAIAAAA&#10;IQAHxjoq3gAAAAoBAAAPAAAAZHJzL2Rvd25yZXYueG1sTI9Nb4MwDIbvk/YfIk/apVoDRVqBEqpq&#10;H9p5tJfeUuIBKnEQCYX9+3mn7Wj70fs+LvaL7cUNR985UhCvIxBItTMdNQpOx/enFIQPmozuHaGC&#10;b/SwL+/vCp0bN9Mn3qrQCA4hn2sFbQhDLqWvW7Tar92AxLcvN1odeBwbaUY9c7jt5SaKnqXVHXFD&#10;qwd8abG+VpPlkur1nNq3CE/zYdVNq7T58OdZqceH5bADEXAJfzD86rM6lOx0cRMZL3oFSRwnjCrY&#10;bDMQDKTJlhcXJrMoA1kW8v8L5Q8AAAD//wMAUEsBAi0AFAAGAAgAAAAhALaDOJL+AAAA4QEAABMA&#10;AAAAAAAAAAAAAAAAAAAAAFtDb250ZW50X1R5cGVzXS54bWxQSwECLQAUAAYACAAAACEAOP0h/9YA&#10;AACUAQAACwAAAAAAAAAAAAAAAAAvAQAAX3JlbHMvLnJlbHNQSwECLQAUAAYACAAAACEAbzGZ60cC&#10;AABgBAAADgAAAAAAAAAAAAAAAAAuAgAAZHJzL2Uyb0RvYy54bWxQSwECLQAUAAYACAAAACEAB8Y6&#10;Kt4AAAAKAQAADwAAAAAAAAAAAAAAAAChBAAAZHJzL2Rvd25yZXYueG1sUEsFBgAAAAAEAAQA8wAA&#10;AKwFAAAAAA==&#10;" fillcolor="#fcf" strokecolor="#fcf">
                <v:textbox>
                  <w:txbxContent>
                    <w:p w14:paraId="0CBED2E5" w14:textId="77777777" w:rsidR="00A53868" w:rsidRPr="00A53868" w:rsidRDefault="00A53868" w:rsidP="00A53868">
                      <w:pPr>
                        <w:rPr>
                          <w:rFonts w:ascii="BIZ UDPゴシック" w:eastAsia="BIZ UDPゴシック" w:hAnsi="BIZ UDPゴシック"/>
                          <w:szCs w:val="21"/>
                        </w:rPr>
                      </w:pPr>
                      <w:r w:rsidRPr="00A53868">
                        <w:rPr>
                          <w:rFonts w:ascii="BIZ UDPゴシック" w:eastAsia="BIZ UDPゴシック" w:hAnsi="BIZ UDPゴシック" w:hint="eastAsia"/>
                          <w:szCs w:val="21"/>
                        </w:rPr>
                        <w:t>心の力を育み　発達を支える</w:t>
                      </w:r>
                    </w:p>
                    <w:p w14:paraId="0FAD6094" w14:textId="77777777" w:rsidR="00A53868" w:rsidRPr="00A53868" w:rsidRDefault="00A53868" w:rsidP="00A53868">
                      <w:pPr>
                        <w:rPr>
                          <w:rFonts w:ascii="BIZ UDPゴシック" w:eastAsia="BIZ UDPゴシック" w:hAnsi="BIZ UDPゴシック"/>
                          <w:b/>
                          <w:bCs/>
                          <w:sz w:val="24"/>
                          <w:szCs w:val="24"/>
                        </w:rPr>
                      </w:pPr>
                      <w:r w:rsidRPr="00A53868">
                        <w:rPr>
                          <w:rFonts w:ascii="BIZ UDPゴシック" w:eastAsia="BIZ UDPゴシック" w:hAnsi="BIZ UDPゴシック" w:hint="eastAsia"/>
                          <w:b/>
                          <w:bCs/>
                          <w:sz w:val="24"/>
                          <w:szCs w:val="24"/>
                        </w:rPr>
                        <w:t>「保育におけるアタッチメント」</w:t>
                      </w:r>
                    </w:p>
                    <w:p w14:paraId="144D6C02" w14:textId="3887BD0C" w:rsidR="00A53868" w:rsidRPr="00A53868" w:rsidRDefault="00A53868" w:rsidP="00A53868">
                      <w:pPr>
                        <w:rPr>
                          <w:rFonts w:ascii="BIZ UDPゴシック" w:eastAsia="BIZ UDPゴシック" w:hAnsi="BIZ UDPゴシック"/>
                          <w:szCs w:val="21"/>
                        </w:rPr>
                      </w:pPr>
                      <w:r w:rsidRPr="00A53868">
                        <w:rPr>
                          <w:rFonts w:ascii="BIZ UDPゴシック" w:eastAsia="BIZ UDPゴシック" w:hAnsi="BIZ UDPゴシック" w:hint="eastAsia"/>
                          <w:szCs w:val="21"/>
                        </w:rPr>
                        <w:t>遠藤　利彦　著</w:t>
                      </w:r>
                      <w:r>
                        <w:rPr>
                          <w:rFonts w:ascii="BIZ UDPゴシック" w:eastAsia="BIZ UDPゴシック" w:hAnsi="BIZ UDPゴシック" w:hint="eastAsia"/>
                          <w:szCs w:val="21"/>
                        </w:rPr>
                        <w:t xml:space="preserve">　</w:t>
                      </w:r>
                      <w:r w:rsidRPr="00A53868">
                        <w:rPr>
                          <w:rFonts w:ascii="BIZ UDPゴシック" w:eastAsia="BIZ UDPゴシック" w:hAnsi="BIZ UDPゴシック" w:hint="eastAsia"/>
                          <w:szCs w:val="21"/>
                        </w:rPr>
                        <w:t>〈東京大学大学院教育学研究科教授〉</w:t>
                      </w:r>
                    </w:p>
                    <w:p w14:paraId="79353D66" w14:textId="77777777" w:rsidR="00A53868" w:rsidRPr="00C77929" w:rsidRDefault="00A53868" w:rsidP="00A53868">
                      <w:pPr>
                        <w:rPr>
                          <w:rFonts w:ascii="BIZ UDPゴシック" w:eastAsia="BIZ UDPゴシック" w:hAnsi="BIZ UDPゴシック"/>
                          <w:sz w:val="18"/>
                          <w:szCs w:val="18"/>
                        </w:rPr>
                      </w:pPr>
                      <w:bookmarkStart w:id="2" w:name="_Hlk215239257"/>
                      <w:bookmarkStart w:id="3" w:name="_Hlk215239258"/>
                      <w:r w:rsidRPr="00A53868">
                        <w:rPr>
                          <w:rFonts w:ascii="BIZ UDPゴシック" w:eastAsia="BIZ UDPゴシック" w:hAnsi="BIZ UDPゴシック" w:hint="eastAsia"/>
                          <w:szCs w:val="21"/>
                        </w:rPr>
                        <w:t>出版社：チャイルド本社</w:t>
                      </w:r>
                      <w:bookmarkEnd w:id="2"/>
                      <w:bookmarkEnd w:id="3"/>
                    </w:p>
                  </w:txbxContent>
                </v:textbox>
                <w10:wrap type="square"/>
              </v:shape>
            </w:pict>
          </mc:Fallback>
        </mc:AlternateContent>
      </w:r>
      <w:r w:rsidR="003032B3">
        <w:rPr>
          <w:noProof/>
        </w:rPr>
        <mc:AlternateContent>
          <mc:Choice Requires="wps">
            <w:drawing>
              <wp:anchor distT="0" distB="0" distL="114300" distR="114300" simplePos="0" relativeHeight="251809792" behindDoc="0" locked="0" layoutInCell="1" allowOverlap="1" wp14:anchorId="00968F72" wp14:editId="366329F9">
                <wp:simplePos x="0" y="0"/>
                <wp:positionH relativeFrom="margin">
                  <wp:posOffset>-6350</wp:posOffset>
                </wp:positionH>
                <wp:positionV relativeFrom="paragraph">
                  <wp:posOffset>154940</wp:posOffset>
                </wp:positionV>
                <wp:extent cx="6248400" cy="1917700"/>
                <wp:effectExtent l="0" t="0" r="19050" b="25400"/>
                <wp:wrapNone/>
                <wp:docPr id="1366506819" name="四角形: 角を丸くする 2"/>
                <wp:cNvGraphicFramePr/>
                <a:graphic xmlns:a="http://schemas.openxmlformats.org/drawingml/2006/main">
                  <a:graphicData uri="http://schemas.microsoft.com/office/word/2010/wordprocessingShape">
                    <wps:wsp>
                      <wps:cNvSpPr/>
                      <wps:spPr>
                        <a:xfrm>
                          <a:off x="0" y="0"/>
                          <a:ext cx="6248400" cy="1917700"/>
                        </a:xfrm>
                        <a:prstGeom prst="roundRect">
                          <a:avLst/>
                        </a:prstGeom>
                        <a:solidFill>
                          <a:srgbClr val="FFCCFF"/>
                        </a:solidFill>
                        <a:ln w="12700" cap="flat" cmpd="sng" algn="ctr">
                          <a:solidFill>
                            <a:srgbClr val="70AD47"/>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8AEED1B" id="四角形: 角を丸くする 2" o:spid="_x0000_s1026" style="position:absolute;left:0;text-align:left;margin-left:-.5pt;margin-top:12.2pt;width:492pt;height:151pt;z-index:2518097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z4LtqQIAABQFAAAOAAAAZHJzL2Uyb0RvYy54bWysVL1u2zAQ3gv0HQjujSTXsR0hcmDYUFEg&#10;SIImRWaaoiwB/CtJW063ZO1QIFuRrUtfIUufxg3Qx+iRUhInzVRUA3XHO97Px++4f7AWHK2YsbWS&#10;GU52YoyYpKqo5SLDH8/yNyOMrCOyIFxJluELZvHB+PWr/UanrKcqxQtmEASRNm10hivndBpFllZM&#10;ELujNJNgLJURxIFqFlFhSAPRBY96cTyIGmUKbRRl1sLurDXicYhfloy647K0zCGeYajNhdWEde7X&#10;aLxP0oUhuqppVwb5hyoEqSUkfQg1I46gpan/CiVqapRVpduhSkSqLGvKQg/QTRI/6+a0IpqFXgAc&#10;qx9gsv8vLD1anRhUF3B3bweD3XgwSvYwkkTAXd3d3Pz+cX3383uK4L+5uv51e7u5/Lq5/La5+oJ6&#10;HrtG2xRCnOoT02kWRA/EujTC/6FFtA54XzzgzdYOUdgc9PqjfgzXQsGW7CXDISgQJ3o8ro1175gS&#10;yAsZNmopiw9wqwFssjq0rvW/9/MpreJ1kdecB8Us5lNu0IoAA/J8Os3zLsUTNy5RAzX0fAWIEmBi&#10;yYkDUWjAxsoFRoQvgOLUmZD7yWm7nWQYT2b94UtJfJEzYqu2mBDBu5FU1A6mgNciw6PYf91pLr2V&#10;BR53rXrEW4y9NFfFBdyfUS2xraZ5DUkOiXUnxACToRuYTncMS8kVtKg6CaNKmc8v7Xt/IBhYMWpg&#10;MqD9T0tiGEb8vQTq7SX9vh+loPR3hz1QzLZlvm2RSzFVAH0C74CmQfT+jt+LpVHiHIZ44rOCiUgK&#10;uVugO2Xq2omFZ4CyySS4wfho4g7lqaY+uMfJw3u2PidGd2xxQLQjdT9FJH3Gl9bXn5RqsnSqrAOZ&#10;HnEFJnoFRi9wsnsm/Gxv68Hr8TEb/wEAAP//AwBQSwMEFAAGAAgAAAAhACQvI7rgAAAACQEAAA8A&#10;AABkcnMvZG93bnJldi54bWxMj8FOwzAQRO9I/IO1SNxaJ2lUtSGbqkVAhTg1rTg7sUmixusodtvw&#10;9ywnOM7OauZNvplsL65m9J0jhHgegTBUO91Rg3A6vs5WIHxQpFXvyCB8Gw+b4v4uV5l2NzqYaxka&#10;wSHkM4XQhjBkUvq6NVb5uRsMsfflRqsCy7GRelQ3Dre9TKJoKa3qiBtaNZjn1tTn8mIR9vvt6SMu&#10;q+N6936O3l7C7tPFB8THh2n7BCKYKfw9wy8+o0PBTJW7kPaiR5jFPCUgJGkKgv31asGHCmGRLFOQ&#10;RS7/Lyh+AAAA//8DAFBLAQItABQABgAIAAAAIQC2gziS/gAAAOEBAAATAAAAAAAAAAAAAAAAAAAA&#10;AABbQ29udGVudF9UeXBlc10ueG1sUEsBAi0AFAAGAAgAAAAhADj9If/WAAAAlAEAAAsAAAAAAAAA&#10;AAAAAAAALwEAAF9yZWxzLy5yZWxzUEsBAi0AFAAGAAgAAAAhAMnPgu2pAgAAFAUAAA4AAAAAAAAA&#10;AAAAAAAALgIAAGRycy9lMm9Eb2MueG1sUEsBAi0AFAAGAAgAAAAhACQvI7rgAAAACQEAAA8AAAAA&#10;AAAAAAAAAAAAAwUAAGRycy9kb3ducmV2LnhtbFBLBQYAAAAABAAEAPMAAAAQBgAAAAA=&#10;" fillcolor="#fcf" strokecolor="#70ad47" strokeweight="1pt">
                <v:stroke joinstyle="miter"/>
                <w10:wrap anchorx="margin"/>
              </v:roundrect>
            </w:pict>
          </mc:Fallback>
        </mc:AlternateContent>
      </w:r>
    </w:p>
    <w:p w14:paraId="71D008B4" w14:textId="26A204E4" w:rsidR="00F83BA0" w:rsidRDefault="00F83BA0" w:rsidP="00A37B3C">
      <w:pPr>
        <w:rPr>
          <w:rFonts w:ascii="ＭＳ Ｐゴシック" w:eastAsia="ＭＳ Ｐゴシック" w:hAnsi="ＭＳ Ｐゴシック"/>
          <w:b/>
          <w:sz w:val="28"/>
          <w:szCs w:val="28"/>
        </w:rPr>
      </w:pPr>
    </w:p>
    <w:p w14:paraId="0D539433" w14:textId="3D7D4006" w:rsidR="00A53868" w:rsidRDefault="00BC10D3" w:rsidP="00A37B3C">
      <w:pPr>
        <w:rPr>
          <w:rFonts w:ascii="ＭＳ Ｐゴシック" w:eastAsia="ＭＳ Ｐゴシック" w:hAnsi="ＭＳ Ｐゴシック"/>
          <w:b/>
          <w:sz w:val="28"/>
          <w:szCs w:val="28"/>
        </w:rPr>
      </w:pPr>
      <w:r>
        <w:rPr>
          <w:noProof/>
        </w:rPr>
        <mc:AlternateContent>
          <mc:Choice Requires="wps">
            <w:drawing>
              <wp:anchor distT="45720" distB="45720" distL="114300" distR="114300" simplePos="0" relativeHeight="251815936" behindDoc="0" locked="0" layoutInCell="1" allowOverlap="1" wp14:anchorId="39E335DD" wp14:editId="7F21C93D">
                <wp:simplePos x="0" y="0"/>
                <wp:positionH relativeFrom="column">
                  <wp:posOffset>1913255</wp:posOffset>
                </wp:positionH>
                <wp:positionV relativeFrom="paragraph">
                  <wp:posOffset>292735</wp:posOffset>
                </wp:positionV>
                <wp:extent cx="3765550" cy="800100"/>
                <wp:effectExtent l="0" t="0" r="25400" b="19050"/>
                <wp:wrapSquare wrapText="bothSides"/>
                <wp:docPr id="55072072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65550" cy="800100"/>
                        </a:xfrm>
                        <a:prstGeom prst="rect">
                          <a:avLst/>
                        </a:prstGeom>
                        <a:solidFill>
                          <a:srgbClr val="FFCCFF"/>
                        </a:solidFill>
                        <a:ln w="9525">
                          <a:solidFill>
                            <a:srgbClr val="FFCCFF"/>
                          </a:solidFill>
                          <a:miter lim="800000"/>
                          <a:headEnd/>
                          <a:tailEnd/>
                        </a:ln>
                      </wps:spPr>
                      <wps:txbx>
                        <w:txbxContent>
                          <w:p w14:paraId="6F93E4DD" w14:textId="77777777" w:rsidR="00A53868" w:rsidRPr="003032B3" w:rsidRDefault="00A53868" w:rsidP="00A53868">
                            <w:pPr>
                              <w:rPr>
                                <w:rFonts w:ascii="BIZ UDPゴシック" w:eastAsia="BIZ UDPゴシック" w:hAnsi="BIZ UDPゴシック"/>
                                <w:sz w:val="18"/>
                                <w:szCs w:val="18"/>
                              </w:rPr>
                            </w:pPr>
                            <w:r w:rsidRPr="003032B3">
                              <w:rPr>
                                <w:rFonts w:ascii="BIZ UDPゴシック" w:eastAsia="BIZ UDPゴシック" w:hAnsi="BIZ UDPゴシック" w:hint="eastAsia"/>
                                <w:sz w:val="18"/>
                                <w:szCs w:val="18"/>
                              </w:rPr>
                              <w:t>安定したアタッチメントは、子どもが幸せに生きていく為の原点。保育の場におけるアタッチメントの基本や実践のポイントを解説したり「アタッチメント」のさまざまな疑問に答えたりしま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9E335DD" id="_x0000_s1045" type="#_x0000_t202" style="position:absolute;left:0;text-align:left;margin-left:150.65pt;margin-top:23.05pt;width:296.5pt;height:63pt;z-index:25181593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X7a3SQIAAGUEAAAOAAAAZHJzL2Uyb0RvYy54bWysVF2O0zAQfkfiDpbfadLS7E/UdLV0KULa&#10;BaSFAziO01g4nmC7TZbHVkIcgisgnjlPLsLYaUu1vK2QIsvj8Xye+b6ZzK66WpGNMFaCzuh4FFMi&#10;NIdC6lVGP31cvrigxDqmC6ZAi4w+CEuv5s+fzdomFROoQBXCEATRNm2bjFbONWkUWV6JmtkRNEKj&#10;swRTM4emWUWFYS2i1yqaxPFZ1IIpGgNcWIunN4OTzgN+WQru3pelFY6ojGJuLqwmrLlfo/mMpSvD&#10;mkryfRrsCVnUTGp89Ah1wxwjayP/gaolN2ChdCMOdQRlKbkINWA14/hRNfcVa0SoBcmxzZEm+/9g&#10;+bvNB0NkkdEkic8n+E0p0axGqfrdt377s9/+7nffSb/70e92/fYX2mTiaWsbm2L0fYPxrnsFHcof&#10;KLDNLfDPlmhYVEyvxLUx0FaCFZj22EdGJ6EDjvUgeXsHBb7L1g4CUFea2nOKLBFER/kejpKJzhGO&#10;hy/PzxLMnBKOvosYOQyaRiw9RDfGujcCauI3GTXYEgGdbW6t89mw9HDFP2ZByWIplQqGWeULZciG&#10;Yfssl4vFchkKeHRNadJm9DKZJAMBT4CopcM5ULIOVcRDFSz1tL3WRehSx6Qa9piy0nsePXUDia7L&#10;u6DkODnok0PxgMwaGPoe5xQ3FZivlLTY8xm1X9bMCErUW43qXI6nUz8kwZgm2A6UmFNPfuphmiNU&#10;Rh0lw3bhwmB54jRco4qlDAR7uYdM9jljLwfe93Pnh+XUDrf+/h3mfwAAAP//AwBQSwMEFAAGAAgA&#10;AAAhAI12NZveAAAACgEAAA8AAABkcnMvZG93bnJldi54bWxMj01PwzAMhu9I/IfISFymLek2ja40&#10;nSY+xJmyy25ZY9qKxqmadC3/HnOCo+1H7/s4P8yuE1ccQutJQ7JSIJAqb1uqNZw+XpcpiBANWdN5&#10;Qg3fGOBQ3N7kJrN+one8lrEWHEIhMxqaGPtMylA16ExY+R6Jb59+cCbyONTSDmbicNfJtVI76UxL&#10;3NCYHp8arL7K0XFJ+XxO3YvC03RctOMird/CedL6/m4+PoKIOMc/GH71WR0Kdrr4kWwQnYaNSjaM&#10;atjuEhAMpPstLy5MPqwTkEUu/79Q/AAAAP//AwBQSwECLQAUAAYACAAAACEAtoM4kv4AAADhAQAA&#10;EwAAAAAAAAAAAAAAAAAAAAAAW0NvbnRlbnRfVHlwZXNdLnhtbFBLAQItABQABgAIAAAAIQA4/SH/&#10;1gAAAJQBAAALAAAAAAAAAAAAAAAAAC8BAABfcmVscy8ucmVsc1BLAQItABQABgAIAAAAIQBUX7a3&#10;SQIAAGUEAAAOAAAAAAAAAAAAAAAAAC4CAABkcnMvZTJvRG9jLnhtbFBLAQItABQABgAIAAAAIQCN&#10;djWb3gAAAAoBAAAPAAAAAAAAAAAAAAAAAKMEAABkcnMvZG93bnJldi54bWxQSwUGAAAAAAQABADz&#10;AAAArgUAAAAA&#10;" fillcolor="#fcf" strokecolor="#fcf">
                <v:textbox>
                  <w:txbxContent>
                    <w:p w14:paraId="6F93E4DD" w14:textId="77777777" w:rsidR="00A53868" w:rsidRPr="003032B3" w:rsidRDefault="00A53868" w:rsidP="00A53868">
                      <w:pPr>
                        <w:rPr>
                          <w:rFonts w:ascii="BIZ UDPゴシック" w:eastAsia="BIZ UDPゴシック" w:hAnsi="BIZ UDPゴシック"/>
                          <w:sz w:val="18"/>
                          <w:szCs w:val="18"/>
                        </w:rPr>
                      </w:pPr>
                      <w:r w:rsidRPr="003032B3">
                        <w:rPr>
                          <w:rFonts w:ascii="BIZ UDPゴシック" w:eastAsia="BIZ UDPゴシック" w:hAnsi="BIZ UDPゴシック" w:hint="eastAsia"/>
                          <w:sz w:val="18"/>
                          <w:szCs w:val="18"/>
                        </w:rPr>
                        <w:t>安定したアタッチメントは、子どもが幸せに生きていく為の原点。保育の場におけるアタッチメントの基本や実践のポイントを解説したり「アタッチメント」のさまざまな疑問に答えたりします。</w:t>
                      </w:r>
                    </w:p>
                  </w:txbxContent>
                </v:textbox>
                <w10:wrap type="square"/>
              </v:shape>
            </w:pict>
          </mc:Fallback>
        </mc:AlternateContent>
      </w:r>
    </w:p>
    <w:p w14:paraId="0C89ADDE" w14:textId="4C2B8AEB" w:rsidR="00A53868" w:rsidRDefault="00A53868" w:rsidP="00A37B3C">
      <w:pPr>
        <w:rPr>
          <w:rFonts w:ascii="ＭＳ Ｐゴシック" w:eastAsia="ＭＳ Ｐゴシック" w:hAnsi="ＭＳ Ｐゴシック"/>
          <w:b/>
          <w:sz w:val="28"/>
          <w:szCs w:val="28"/>
        </w:rPr>
      </w:pPr>
    </w:p>
    <w:p w14:paraId="5E46C035" w14:textId="01887C20" w:rsidR="00A53868" w:rsidRDefault="001974B8" w:rsidP="00A37B3C">
      <w:pPr>
        <w:rPr>
          <w:rFonts w:ascii="ＭＳ Ｐゴシック" w:eastAsia="ＭＳ Ｐゴシック" w:hAnsi="ＭＳ Ｐゴシック"/>
          <w:b/>
          <w:sz w:val="28"/>
          <w:szCs w:val="28"/>
        </w:rPr>
      </w:pPr>
      <w:r>
        <w:rPr>
          <w:noProof/>
        </w:rPr>
        <mc:AlternateContent>
          <mc:Choice Requires="wps">
            <w:drawing>
              <wp:anchor distT="0" distB="0" distL="114300" distR="114300" simplePos="0" relativeHeight="251816960" behindDoc="0" locked="0" layoutInCell="1" allowOverlap="1" wp14:anchorId="304F1B70" wp14:editId="5469E453">
                <wp:simplePos x="0" y="0"/>
                <wp:positionH relativeFrom="margin">
                  <wp:posOffset>62230</wp:posOffset>
                </wp:positionH>
                <wp:positionV relativeFrom="paragraph">
                  <wp:posOffset>330835</wp:posOffset>
                </wp:positionV>
                <wp:extent cx="6324600" cy="2647950"/>
                <wp:effectExtent l="0" t="0" r="19050" b="19050"/>
                <wp:wrapNone/>
                <wp:docPr id="2080404749" name="楕円 3"/>
                <wp:cNvGraphicFramePr/>
                <a:graphic xmlns:a="http://schemas.openxmlformats.org/drawingml/2006/main">
                  <a:graphicData uri="http://schemas.microsoft.com/office/word/2010/wordprocessingShape">
                    <wps:wsp>
                      <wps:cNvSpPr/>
                      <wps:spPr>
                        <a:xfrm>
                          <a:off x="0" y="0"/>
                          <a:ext cx="6324600" cy="2647950"/>
                        </a:xfrm>
                        <a:prstGeom prst="ellipse">
                          <a:avLst/>
                        </a:prstGeom>
                        <a:solidFill>
                          <a:srgbClr val="CCCCFF"/>
                        </a:solidFill>
                        <a:ln w="12700" cap="flat" cmpd="sng" algn="ctr">
                          <a:solidFill>
                            <a:srgbClr val="70AD47"/>
                          </a:solidFill>
                          <a:prstDash val="solid"/>
                          <a:miter lim="800000"/>
                        </a:ln>
                        <a:effectLst/>
                      </wps:spPr>
                      <wps:txbx>
                        <w:txbxContent>
                          <w:p w14:paraId="3AD0028B" w14:textId="4BFC70FF" w:rsidR="00A53868" w:rsidRDefault="00A53868" w:rsidP="00A53868"/>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304F1B70" id="楕円 3" o:spid="_x0000_s1046" style="position:absolute;left:0;text-align:left;margin-left:4.9pt;margin-top:26.05pt;width:498pt;height:208.5pt;z-index:2518169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59cFkQIAAA4FAAAOAAAAZHJzL2Uyb0RvYy54bWysVEtu2zAQ3RfoHQjuG8mKYidC5MCw4aJA&#10;kARIiqxpirQI8FeStpQeIDfoEXq09hwdUkriNFkV1YKa4Qzn8/iG5xe9kmjPnBdG13hylGPENDWN&#10;0Nsaf71bfzrFyAeiGyKNZjV+YB5fzD9+OO9sxQrTGtkwhyCI9lVna9yGYKss87RlivgjY5kGIzdO&#10;kQCq22aNIx1EVzIr8nyadcY11hnKvIfd1WDE8xSfc0bDNeeeBSRrDLWFtLq0buKazc9JtXXEtoKO&#10;ZZB/qEIRoSHpc6gVCQTtnHgTSgnqjDc8HFGjMsO5oCz1AN1M8r+6uW2JZakXAMfbZ5j8/wtLr/Y3&#10;DommxkV+mpd5OSvPMNJEwV39/vnj1+MjOo4gddZX4Htrb9yoeRBjxz13Kv6hF9QnYB+egWV9QBQ2&#10;p8dFOc0Bfwq2YlrOzk4S9NnLcet8+MyMQlGoMZNSWB+bJxXZX/oAWcH7yStueyNFsxZSJsVtN0vp&#10;0J7ARS/hW69j2XDklZvUqAOaFrNUDAHCcUkC1KUsQOD1FiMit8BkGlzK/eq0P0wyyxercvZekljk&#10;ivh2KCZFiG6kUiIA2aVQNT7N4zeeljpaWaLr2GrEe0A4SqHf9OmSJtN4JG5tTPMAN+fMQGlv6VpA&#10;3kviww1xwGFAG+YyXMPCpYGuzShh1Br3/b396A/UAitGHcwEIPJtRxzDSH7RQLqzSVnGIUpKeTIr&#10;QHGHls2hRe/U0sBtTOAFsDSJ0T/IJ5E7o+5hfBcxK5iIppB7wH5UlmGYVXgAKFsskhsMjiXhUt9a&#10;GoNH6CLid/09cXakTwDmXZmn+XlDocE3ntRmsQuGi8SvF1yBOVGBoUscGh+IONWHevJ6ecbmfwAA&#10;AP//AwBQSwMEFAAGAAgAAAAhABJxa9LdAAAACQEAAA8AAABkcnMvZG93bnJldi54bWxMj8FuwjAM&#10;hu+T9g6RkXYbSRFUtGuK0KSdph0GaGfTmLbQJF0TaPf2M6ftaP+/Pn8uNpPtxI2G0HqnIZkrEOQq&#10;b1pXazjs357XIEJEZ7DzjjT8UIBN+fhQYG786D7ptou1YIgLOWpoYuxzKUPVkMUw9z05zk5+sBh5&#10;HGppBhwZbju5UCqVFlvHFxrs6bWh6rK7Wg2r9eWchv1y+NqG8f07U/70gV7rp9m0fQERaYp/Zbjr&#10;szqU7HT0V2eC6DRkLB4ZtUhA3GOlVrw5alimWQKyLOT/D8pfAAAA//8DAFBLAQItABQABgAIAAAA&#10;IQC2gziS/gAAAOEBAAATAAAAAAAAAAAAAAAAAAAAAABbQ29udGVudF9UeXBlc10ueG1sUEsBAi0A&#10;FAAGAAgAAAAhADj9If/WAAAAlAEAAAsAAAAAAAAAAAAAAAAALwEAAF9yZWxzLy5yZWxzUEsBAi0A&#10;FAAGAAgAAAAhAGjn1wWRAgAADgUAAA4AAAAAAAAAAAAAAAAALgIAAGRycy9lMm9Eb2MueG1sUEsB&#10;Ai0AFAAGAAgAAAAhABJxa9LdAAAACQEAAA8AAAAAAAAAAAAAAAAA6wQAAGRycy9kb3ducmV2Lnht&#10;bFBLBQYAAAAABAAEAPMAAAD1BQAAAAA=&#10;" fillcolor="#ccf" strokecolor="#70ad47" strokeweight="1pt">
                <v:stroke joinstyle="miter"/>
                <v:textbox>
                  <w:txbxContent>
                    <w:p w14:paraId="3AD0028B" w14:textId="4BFC70FF" w:rsidR="00A53868" w:rsidRDefault="00A53868" w:rsidP="00A53868"/>
                  </w:txbxContent>
                </v:textbox>
                <w10:wrap anchorx="margin"/>
              </v:oval>
            </w:pict>
          </mc:Fallback>
        </mc:AlternateContent>
      </w:r>
    </w:p>
    <w:p w14:paraId="0C8DC10B" w14:textId="0DEBE514" w:rsidR="00A53868" w:rsidRDefault="001974B8" w:rsidP="00A37B3C">
      <w:pPr>
        <w:rPr>
          <w:rFonts w:ascii="ＭＳ Ｐゴシック" w:eastAsia="ＭＳ Ｐゴシック" w:hAnsi="ＭＳ Ｐゴシック"/>
          <w:b/>
          <w:sz w:val="28"/>
          <w:szCs w:val="28"/>
        </w:rPr>
      </w:pPr>
      <w:r w:rsidRPr="00D3370E">
        <w:rPr>
          <w:rFonts w:hint="eastAsia"/>
          <w:noProof/>
        </w:rPr>
        <w:drawing>
          <wp:anchor distT="0" distB="0" distL="114300" distR="114300" simplePos="0" relativeHeight="251817984" behindDoc="0" locked="0" layoutInCell="1" allowOverlap="1" wp14:anchorId="7185FEFA" wp14:editId="300049D3">
            <wp:simplePos x="0" y="0"/>
            <wp:positionH relativeFrom="column">
              <wp:posOffset>2171700</wp:posOffset>
            </wp:positionH>
            <wp:positionV relativeFrom="paragraph">
              <wp:posOffset>269240</wp:posOffset>
            </wp:positionV>
            <wp:extent cx="3282950" cy="991228"/>
            <wp:effectExtent l="0" t="0" r="0" b="0"/>
            <wp:wrapNone/>
            <wp:docPr id="278478727"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3282950" cy="991228"/>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821056" behindDoc="0" locked="0" layoutInCell="1" allowOverlap="1" wp14:anchorId="2B2060C6" wp14:editId="29222834">
            <wp:simplePos x="0" y="0"/>
            <wp:positionH relativeFrom="column">
              <wp:posOffset>749300</wp:posOffset>
            </wp:positionH>
            <wp:positionV relativeFrom="paragraph">
              <wp:posOffset>416560</wp:posOffset>
            </wp:positionV>
            <wp:extent cx="1421114" cy="1511300"/>
            <wp:effectExtent l="0" t="0" r="8255" b="0"/>
            <wp:wrapNone/>
            <wp:docPr id="753568823"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3568823" name="図 6"/>
                    <pic:cNvPicPr>
                      <a:picLocks noChangeAspect="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421114" cy="15113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4EAC784" w14:textId="17936DE7" w:rsidR="00F83BA0" w:rsidRDefault="00F83BA0" w:rsidP="00A37B3C">
      <w:pPr>
        <w:rPr>
          <w:rFonts w:ascii="ＭＳ Ｐゴシック" w:eastAsia="ＭＳ Ｐゴシック" w:hAnsi="ＭＳ Ｐゴシック"/>
          <w:b/>
          <w:sz w:val="28"/>
          <w:szCs w:val="28"/>
        </w:rPr>
      </w:pPr>
    </w:p>
    <w:p w14:paraId="337545DD" w14:textId="59458D9A" w:rsidR="00A53868" w:rsidRDefault="003032B3" w:rsidP="00A37B3C">
      <w:pPr>
        <w:rPr>
          <w:rFonts w:ascii="ＭＳ Ｐゴシック" w:eastAsia="ＭＳ Ｐゴシック" w:hAnsi="ＭＳ Ｐゴシック"/>
          <w:b/>
          <w:sz w:val="28"/>
          <w:szCs w:val="28"/>
        </w:rPr>
      </w:pPr>
      <w:r>
        <w:rPr>
          <w:noProof/>
        </w:rPr>
        <mc:AlternateContent>
          <mc:Choice Requires="wps">
            <w:drawing>
              <wp:anchor distT="0" distB="0" distL="114300" distR="114300" simplePos="0" relativeHeight="251820032" behindDoc="0" locked="0" layoutInCell="1" allowOverlap="1" wp14:anchorId="22224527" wp14:editId="36E8595B">
                <wp:simplePos x="0" y="0"/>
                <wp:positionH relativeFrom="column">
                  <wp:posOffset>2168525</wp:posOffset>
                </wp:positionH>
                <wp:positionV relativeFrom="paragraph">
                  <wp:posOffset>153035</wp:posOffset>
                </wp:positionV>
                <wp:extent cx="3438525" cy="962025"/>
                <wp:effectExtent l="0" t="0" r="9525" b="9525"/>
                <wp:wrapNone/>
                <wp:docPr id="1714774616" name="テキスト ボックス 1"/>
                <wp:cNvGraphicFramePr/>
                <a:graphic xmlns:a="http://schemas.openxmlformats.org/drawingml/2006/main">
                  <a:graphicData uri="http://schemas.microsoft.com/office/word/2010/wordprocessingShape">
                    <wps:wsp>
                      <wps:cNvSpPr txBox="1"/>
                      <wps:spPr>
                        <a:xfrm>
                          <a:off x="0" y="0"/>
                          <a:ext cx="3438525" cy="962025"/>
                        </a:xfrm>
                        <a:prstGeom prst="rect">
                          <a:avLst/>
                        </a:prstGeom>
                        <a:solidFill>
                          <a:srgbClr val="CCCCFF"/>
                        </a:solidFill>
                        <a:ln w="6350">
                          <a:noFill/>
                        </a:ln>
                      </wps:spPr>
                      <wps:txbx>
                        <w:txbxContent>
                          <w:p w14:paraId="46F66AEA" w14:textId="712C2F46" w:rsidR="00D3370E" w:rsidRPr="00EE0A94" w:rsidRDefault="00D3370E" w:rsidP="00D3370E">
                            <w:pPr>
                              <w:ind w:left="180" w:hangingChars="100" w:hanging="180"/>
                              <w:rPr>
                                <w:rFonts w:ascii="BIZ UDPゴシック" w:eastAsia="BIZ UDPゴシック" w:hAnsi="BIZ UDPゴシック"/>
                                <w:sz w:val="18"/>
                                <w:szCs w:val="18"/>
                              </w:rPr>
                            </w:pPr>
                            <w:r>
                              <w:rPr>
                                <w:rFonts w:ascii="BIZ UDPゴシック" w:eastAsia="BIZ UDPゴシック" w:hAnsi="BIZ UDPゴシック" w:hint="eastAsia"/>
                                <w:sz w:val="18"/>
                                <w:szCs w:val="18"/>
                              </w:rPr>
                              <w:t>令和５年１２月に閣議決定された「幼児期までのこどもの育ちに係る基本的なビジョン」その内容をキーワードを中心にわかりやすく解説。ビジョンの理念を取り入れ「こどもまんなか社会」を実現するために、保育者ができることを多数紹介し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2224527" id="_x0000_s1047" type="#_x0000_t202" style="position:absolute;left:0;text-align:left;margin-left:170.75pt;margin-top:12.05pt;width:270.75pt;height:75.75pt;z-index:251820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2O0RbQIAAJwEAAAOAAAAZHJzL2Uyb0RvYy54bWysVM1u2zAMvg/YOwi6r47T/LRBnSJLkWFA&#10;0BZIh54VWU4MyKImKbG7YwIUe4i9wrDznscvMkp20qzbaVgOCilSH8mPpK+uq0KSrTA2B5XQ+KxD&#10;iVAc0lytEvrpYfbughLrmEqZBCUS+iQsvR6/fXNV6pHowhpkKgxBEGVHpU7o2jk9iiLL16Jg9gy0&#10;UGjMwBTMoWpWUWpYieiFjLqdziAqwaTaABfW4u1NY6TjgJ9lgru7LLPCEZlQzM2F04Rz6c9ofMVG&#10;K8P0OudtGuwfsihYrjDoEeqGOUY2Jv8Dqsi5AQuZO+NQRJBlORehBqwm7ryqZrFmWoRakByrjzTZ&#10;/wfLb7f3huQp9m4Y94bD3iAeUKJYgb2q98/17nu9+1nvv5J6/63e7+vdD9RJ7HkrtR3h84VGAFe9&#10;hwoxDvcWLz0dVWYK/4+FErRjB56OrIvKEY6X573zi363TwlH2+Wg20EZ4aOX19pY90FAQbyQUINd&#10;DWSz7dy6xvXg4oNZkHk6y6UMilktp9KQLcMJmOJvNmvRf3OTipQJHZz3OwFZgX/fQEuFyfhim6K8&#10;5Kpl1ZJ2qHgJ6RMSYaAZMav5LMds58y6e2ZwprB23BN3h0cmAYNBK1GyBvPlb/feH1uNVkpKnNGE&#10;2s8bZgQl8qPCIbiMez0/1EHp9YddVMypZXlqUZtiCkhCjBupeRC9v5MHMTNQPOI6TXxUNDHFMXZC&#10;3UGcumZzcB25mEyCE46xZm6uFpp7aE+578VD9ciMbhvmsNW3cJhmNnrVt8bXv1Qw2TjI8tBUT3TD&#10;ass/rkAYi3Zd/Y6d6sHr5aMy/gUAAP//AwBQSwMEFAAGAAgAAAAhAM0PlFPiAAAACgEAAA8AAABk&#10;cnMvZG93bnJldi54bWxMj0tPhDAUhfcm/ofmmrhzCswMEqRMfEQXJibD+EjcFVoLGXpLaGHw33td&#10;6fLmfjnnO8VusT2b9eg7hwLiVQRMY+NUh0bA2+vjVQbMB4lK9g61gG/tYVeenxUyV+6ElZ4PwTAK&#10;QZ9LAW0IQ865b1ptpV+5QSP9vtxoZaBzNFyN8kThtudJFKXcyg6poZWDvm91czxMVsBHdvdwrIa0&#10;+tw/zS/T897UybsR4vJiub0BFvQS/mD41Sd1KMmpdhMqz3oB6028JVRAsomBEZBlaxpXE3m9TYGX&#10;Bf8/ofwBAAD//wMAUEsBAi0AFAAGAAgAAAAhALaDOJL+AAAA4QEAABMAAAAAAAAAAAAAAAAAAAAA&#10;AFtDb250ZW50X1R5cGVzXS54bWxQSwECLQAUAAYACAAAACEAOP0h/9YAAACUAQAACwAAAAAAAAAA&#10;AAAAAAAvAQAAX3JlbHMvLnJlbHNQSwECLQAUAAYACAAAACEAatjtEW0CAACcBAAADgAAAAAAAAAA&#10;AAAAAAAuAgAAZHJzL2Uyb0RvYy54bWxQSwECLQAUAAYACAAAACEAzQ+UU+IAAAAKAQAADwAAAAAA&#10;AAAAAAAAAADHBAAAZHJzL2Rvd25yZXYueG1sUEsFBgAAAAAEAAQA8wAAANYFAAAAAA==&#10;" fillcolor="#ccf" stroked="f" strokeweight=".5pt">
                <v:textbox>
                  <w:txbxContent>
                    <w:p w14:paraId="46F66AEA" w14:textId="712C2F46" w:rsidR="00D3370E" w:rsidRPr="00EE0A94" w:rsidRDefault="00D3370E" w:rsidP="00D3370E">
                      <w:pPr>
                        <w:ind w:left="180" w:hangingChars="100" w:hanging="180"/>
                        <w:rPr>
                          <w:rFonts w:ascii="BIZ UDPゴシック" w:eastAsia="BIZ UDPゴシック" w:hAnsi="BIZ UDPゴシック"/>
                          <w:sz w:val="18"/>
                          <w:szCs w:val="18"/>
                        </w:rPr>
                      </w:pPr>
                      <w:r>
                        <w:rPr>
                          <w:rFonts w:ascii="BIZ UDPゴシック" w:eastAsia="BIZ UDPゴシック" w:hAnsi="BIZ UDPゴシック" w:hint="eastAsia"/>
                          <w:sz w:val="18"/>
                          <w:szCs w:val="18"/>
                        </w:rPr>
                        <w:t>令和５年１２月に閣議決定された「幼児期までのこどもの育ちに係る基本的なビジョン」その内容をキーワードを中心にわかりやすく解説。ビジョンの理念を取り入れ「こどもまんなか社会」を実現するために、保育者ができることを多数紹介します。</w:t>
                      </w:r>
                    </w:p>
                  </w:txbxContent>
                </v:textbox>
              </v:shape>
            </w:pict>
          </mc:Fallback>
        </mc:AlternateContent>
      </w:r>
    </w:p>
    <w:p w14:paraId="4170FB21" w14:textId="7E854218" w:rsidR="00A53868" w:rsidRDefault="00A53868" w:rsidP="00A37B3C">
      <w:pPr>
        <w:rPr>
          <w:rFonts w:ascii="ＭＳ Ｐゴシック" w:eastAsia="ＭＳ Ｐゴシック" w:hAnsi="ＭＳ Ｐゴシック"/>
          <w:b/>
          <w:sz w:val="28"/>
          <w:szCs w:val="28"/>
        </w:rPr>
      </w:pPr>
    </w:p>
    <w:p w14:paraId="2290424C" w14:textId="76BC365B" w:rsidR="00A53868" w:rsidRDefault="00A53868" w:rsidP="00A37B3C">
      <w:pPr>
        <w:rPr>
          <w:rFonts w:ascii="ＭＳ Ｐゴシック" w:eastAsia="ＭＳ Ｐゴシック" w:hAnsi="ＭＳ Ｐゴシック"/>
          <w:b/>
          <w:sz w:val="28"/>
          <w:szCs w:val="28"/>
        </w:rPr>
      </w:pPr>
    </w:p>
    <w:p w14:paraId="69B3B997" w14:textId="7E2C4240" w:rsidR="00A53868" w:rsidRPr="00A53868" w:rsidRDefault="001974B8" w:rsidP="00A37B3C">
      <w:pPr>
        <w:rPr>
          <w:rFonts w:ascii="ＭＳ Ｐゴシック" w:eastAsia="ＭＳ Ｐゴシック" w:hAnsi="ＭＳ Ｐゴシック"/>
          <w:b/>
          <w:sz w:val="28"/>
          <w:szCs w:val="28"/>
        </w:rPr>
      </w:pPr>
      <w:r>
        <w:rPr>
          <w:rFonts w:ascii="ＭＳ Ｐ明朝" w:eastAsia="ＭＳ Ｐ明朝" w:hAnsi="ＭＳ Ｐ明朝"/>
          <w:noProof/>
          <w:sz w:val="22"/>
        </w:rPr>
        <mc:AlternateContent>
          <mc:Choice Requires="wps">
            <w:drawing>
              <wp:anchor distT="0" distB="0" distL="114300" distR="114300" simplePos="0" relativeHeight="251822080" behindDoc="0" locked="0" layoutInCell="1" allowOverlap="1" wp14:anchorId="671165BC" wp14:editId="788EB0ED">
                <wp:simplePos x="0" y="0"/>
                <wp:positionH relativeFrom="column">
                  <wp:posOffset>-4445</wp:posOffset>
                </wp:positionH>
                <wp:positionV relativeFrom="paragraph">
                  <wp:posOffset>403860</wp:posOffset>
                </wp:positionV>
                <wp:extent cx="6216650" cy="3248025"/>
                <wp:effectExtent l="0" t="0" r="12700" b="28575"/>
                <wp:wrapNone/>
                <wp:docPr id="7095565" name="四角形: 角を丸くする 4"/>
                <wp:cNvGraphicFramePr/>
                <a:graphic xmlns:a="http://schemas.openxmlformats.org/drawingml/2006/main">
                  <a:graphicData uri="http://schemas.microsoft.com/office/word/2010/wordprocessingShape">
                    <wps:wsp>
                      <wps:cNvSpPr/>
                      <wps:spPr>
                        <a:xfrm>
                          <a:off x="0" y="0"/>
                          <a:ext cx="6216650" cy="3248025"/>
                        </a:xfrm>
                        <a:prstGeom prst="roundRect">
                          <a:avLst/>
                        </a:prstGeom>
                        <a:solidFill>
                          <a:srgbClr val="FFFFCC"/>
                        </a:solidFill>
                      </wps:spPr>
                      <wps:style>
                        <a:lnRef idx="2">
                          <a:schemeClr val="accent6"/>
                        </a:lnRef>
                        <a:fillRef idx="1">
                          <a:schemeClr val="lt1"/>
                        </a:fillRef>
                        <a:effectRef idx="0">
                          <a:schemeClr val="accent6"/>
                        </a:effectRef>
                        <a:fontRef idx="minor">
                          <a:schemeClr val="dk1"/>
                        </a:fontRef>
                      </wps:style>
                      <wps:txbx>
                        <w:txbxContent>
                          <w:p w14:paraId="42A031E7" w14:textId="27289921" w:rsidR="00E818E3" w:rsidRDefault="0066463F" w:rsidP="0066463F">
                            <w:pPr>
                              <w:rPr>
                                <w:rFonts w:ascii="BIZ UDPゴシック" w:eastAsia="BIZ UDPゴシック" w:hAnsi="BIZ UDPゴシック"/>
                                <w:b/>
                                <w:sz w:val="22"/>
                                <w:szCs w:val="28"/>
                                <w:u w:val="single"/>
                              </w:rPr>
                            </w:pPr>
                            <w:r w:rsidRPr="00B16C27">
                              <w:rPr>
                                <w:rFonts w:ascii="BIZ UDPゴシック" w:eastAsia="BIZ UDPゴシック" w:hAnsi="BIZ UDPゴシック" w:hint="eastAsia"/>
                                <w:b/>
                                <w:sz w:val="22"/>
                                <w:szCs w:val="28"/>
                                <w:u w:val="single"/>
                              </w:rPr>
                              <w:t>★アドバイザー通信「</w:t>
                            </w:r>
                            <w:r w:rsidR="003032B3">
                              <w:rPr>
                                <w:rFonts w:ascii="BIZ UDPゴシック" w:eastAsia="BIZ UDPゴシック" w:hAnsi="BIZ UDPゴシック" w:hint="eastAsia"/>
                                <w:b/>
                                <w:sz w:val="22"/>
                                <w:szCs w:val="28"/>
                                <w:u w:val="single"/>
                              </w:rPr>
                              <w:t>〈こども</w:t>
                            </w:r>
                            <w:r>
                              <w:rPr>
                                <w:rFonts w:ascii="BIZ UDPゴシック" w:eastAsia="BIZ UDPゴシック" w:hAnsi="BIZ UDPゴシック" w:hint="eastAsia"/>
                                <w:b/>
                                <w:sz w:val="22"/>
                                <w:szCs w:val="28"/>
                                <w:u w:val="single"/>
                              </w:rPr>
                              <w:t>も</w:t>
                            </w:r>
                            <w:r w:rsidR="00BC10D3">
                              <w:rPr>
                                <w:rFonts w:ascii="BIZ UDPゴシック" w:eastAsia="BIZ UDPゴシック" w:hAnsi="BIZ UDPゴシック" w:hint="eastAsia"/>
                                <w:b/>
                                <w:sz w:val="22"/>
                                <w:szCs w:val="28"/>
                                <w:u w:val="single"/>
                              </w:rPr>
                              <w:t xml:space="preserve">　</w:t>
                            </w:r>
                            <w:r w:rsidR="003032B3">
                              <w:rPr>
                                <w:rFonts w:ascii="BIZ UDPゴシック" w:eastAsia="BIZ UDPゴシック" w:hAnsi="BIZ UDPゴシック" w:hint="eastAsia"/>
                                <w:b/>
                                <w:sz w:val="22"/>
                                <w:szCs w:val="28"/>
                                <w:u w:val="single"/>
                              </w:rPr>
                              <w:t>保育者</w:t>
                            </w:r>
                            <w:r w:rsidR="00BC10D3">
                              <w:rPr>
                                <w:rFonts w:ascii="BIZ UDPゴシック" w:eastAsia="BIZ UDPゴシック" w:hAnsi="BIZ UDPゴシック" w:hint="eastAsia"/>
                                <w:b/>
                                <w:sz w:val="22"/>
                                <w:szCs w:val="28"/>
                                <w:u w:val="single"/>
                              </w:rPr>
                              <w:t>も　共に主体</w:t>
                            </w:r>
                            <w:r w:rsidR="003032B3">
                              <w:rPr>
                                <w:rFonts w:ascii="BIZ UDPゴシック" w:eastAsia="BIZ UDPゴシック" w:hAnsi="BIZ UDPゴシック" w:hint="eastAsia"/>
                                <w:b/>
                                <w:sz w:val="22"/>
                                <w:szCs w:val="28"/>
                                <w:u w:val="single"/>
                              </w:rPr>
                              <w:t>〉</w:t>
                            </w:r>
                            <w:r w:rsidR="00BC10D3">
                              <w:rPr>
                                <w:rFonts w:ascii="BIZ UDPゴシック" w:eastAsia="BIZ UDPゴシック" w:hAnsi="BIZ UDPゴシック" w:hint="eastAsia"/>
                                <w:b/>
                                <w:sz w:val="22"/>
                                <w:szCs w:val="28"/>
                                <w:u w:val="single"/>
                              </w:rPr>
                              <w:t>で</w:t>
                            </w:r>
                            <w:r w:rsidR="003032B3">
                              <w:rPr>
                                <w:rFonts w:ascii="BIZ UDPゴシック" w:eastAsia="BIZ UDPゴシック" w:hAnsi="BIZ UDPゴシック" w:hint="eastAsia"/>
                                <w:b/>
                                <w:sz w:val="22"/>
                                <w:szCs w:val="28"/>
                                <w:u w:val="single"/>
                              </w:rPr>
                              <w:t>の循環で更に</w:t>
                            </w:r>
                            <w:r w:rsidR="00BC10D3">
                              <w:rPr>
                                <w:rFonts w:ascii="BIZ UDPゴシック" w:eastAsia="BIZ UDPゴシック" w:hAnsi="BIZ UDPゴシック" w:hint="eastAsia"/>
                                <w:b/>
                                <w:sz w:val="22"/>
                                <w:szCs w:val="28"/>
                                <w:u w:val="single"/>
                              </w:rPr>
                              <w:t>保育も楽しく！</w:t>
                            </w:r>
                            <w:r w:rsidRPr="00B16C27">
                              <w:rPr>
                                <w:rFonts w:ascii="BIZ UDPゴシック" w:eastAsia="BIZ UDPゴシック" w:hAnsi="BIZ UDPゴシック"/>
                                <w:b/>
                                <w:sz w:val="22"/>
                                <w:szCs w:val="28"/>
                                <w:u w:val="single"/>
                              </w:rPr>
                              <w:t>」</w:t>
                            </w:r>
                          </w:p>
                          <w:p w14:paraId="2022ACF9" w14:textId="77777777" w:rsidR="00FC28C2" w:rsidRPr="00E818E3" w:rsidRDefault="0066463F" w:rsidP="00E818E3">
                            <w:pPr>
                              <w:spacing w:line="240" w:lineRule="exact"/>
                              <w:ind w:firstLineChars="100" w:firstLine="210"/>
                              <w:rPr>
                                <w:rFonts w:ascii="BIZ UDPゴシック" w:eastAsia="BIZ UDPゴシック" w:hAnsi="BIZ UDPゴシック"/>
                                <w:bCs/>
                                <w:szCs w:val="21"/>
                              </w:rPr>
                            </w:pPr>
                            <w:r w:rsidRPr="00E818E3">
                              <w:rPr>
                                <w:rFonts w:ascii="BIZ UDPゴシック" w:eastAsia="BIZ UDPゴシック" w:hAnsi="BIZ UDPゴシック" w:hint="eastAsia"/>
                                <w:bCs/>
                                <w:szCs w:val="21"/>
                              </w:rPr>
                              <w:t>今年度も後半となり2回目の訪問に伺う毎日です。</w:t>
                            </w:r>
                            <w:r w:rsidR="00BC10D3" w:rsidRPr="00E818E3">
                              <w:rPr>
                                <w:rFonts w:ascii="BIZ UDPゴシック" w:eastAsia="BIZ UDPゴシック" w:hAnsi="BIZ UDPゴシック" w:hint="eastAsia"/>
                                <w:bCs/>
                                <w:szCs w:val="21"/>
                              </w:rPr>
                              <w:t>訪問の</w:t>
                            </w:r>
                            <w:r w:rsidRPr="00E818E3">
                              <w:rPr>
                                <w:rFonts w:ascii="BIZ UDPゴシック" w:eastAsia="BIZ UDPゴシック" w:hAnsi="BIZ UDPゴシック" w:hint="eastAsia"/>
                                <w:bCs/>
                                <w:szCs w:val="21"/>
                              </w:rPr>
                              <w:t>中で「主体性」を大切にしたいというお声をお聞きする機会が増えたように思います。ある施設では</w:t>
                            </w:r>
                            <w:r w:rsidR="004D16F8" w:rsidRPr="00E818E3">
                              <w:rPr>
                                <w:rFonts w:ascii="BIZ UDPゴシック" w:eastAsia="BIZ UDPゴシック" w:hAnsi="BIZ UDPゴシック" w:hint="eastAsia"/>
                                <w:bCs/>
                                <w:szCs w:val="21"/>
                              </w:rPr>
                              <w:t>、川に関する絵本を読んだことをきっかけにし、</w:t>
                            </w:r>
                            <w:r w:rsidRPr="00E818E3">
                              <w:rPr>
                                <w:rFonts w:ascii="BIZ UDPゴシック" w:eastAsia="BIZ UDPゴシック" w:hAnsi="BIZ UDPゴシック" w:hint="eastAsia"/>
                                <w:bCs/>
                                <w:szCs w:val="21"/>
                              </w:rPr>
                              <w:t>川の流れがつながって海まで続いているということ</w:t>
                            </w:r>
                            <w:r w:rsidR="004D16F8" w:rsidRPr="00E818E3">
                              <w:rPr>
                                <w:rFonts w:ascii="BIZ UDPゴシック" w:eastAsia="BIZ UDPゴシック" w:hAnsi="BIZ UDPゴシック" w:hint="eastAsia"/>
                                <w:bCs/>
                                <w:szCs w:val="21"/>
                              </w:rPr>
                              <w:t>が</w:t>
                            </w:r>
                            <w:r w:rsidR="00BC10D3" w:rsidRPr="00E818E3">
                              <w:rPr>
                                <w:rFonts w:ascii="BIZ UDPゴシック" w:eastAsia="BIZ UDPゴシック" w:hAnsi="BIZ UDPゴシック" w:hint="eastAsia"/>
                                <w:bCs/>
                                <w:szCs w:val="21"/>
                              </w:rPr>
                              <w:t>感じられる</w:t>
                            </w:r>
                            <w:r w:rsidR="004D16F8" w:rsidRPr="00E818E3">
                              <w:rPr>
                                <w:rFonts w:ascii="BIZ UDPゴシック" w:eastAsia="BIZ UDPゴシック" w:hAnsi="BIZ UDPゴシック" w:hint="eastAsia"/>
                                <w:bCs/>
                                <w:szCs w:val="21"/>
                              </w:rPr>
                              <w:t>様にと</w:t>
                            </w:r>
                            <w:r w:rsidR="00BC10D3" w:rsidRPr="00E818E3">
                              <w:rPr>
                                <w:rFonts w:ascii="BIZ UDPゴシック" w:eastAsia="BIZ UDPゴシック" w:hAnsi="BIZ UDPゴシック" w:hint="eastAsia"/>
                                <w:bCs/>
                                <w:szCs w:val="21"/>
                              </w:rPr>
                              <w:t>、</w:t>
                            </w:r>
                            <w:r w:rsidRPr="00E818E3">
                              <w:rPr>
                                <w:rFonts w:ascii="BIZ UDPゴシック" w:eastAsia="BIZ UDPゴシック" w:hAnsi="BIZ UDPゴシック" w:hint="eastAsia"/>
                                <w:bCs/>
                                <w:szCs w:val="21"/>
                              </w:rPr>
                              <w:t>子どもたちの目線に合わせて掲示</w:t>
                            </w:r>
                            <w:r w:rsidR="004D16F8" w:rsidRPr="00E818E3">
                              <w:rPr>
                                <w:rFonts w:ascii="BIZ UDPゴシック" w:eastAsia="BIZ UDPゴシック" w:hAnsi="BIZ UDPゴシック" w:hint="eastAsia"/>
                                <w:bCs/>
                                <w:szCs w:val="21"/>
                              </w:rPr>
                              <w:t>を工夫されました。する</w:t>
                            </w:r>
                            <w:r w:rsidRPr="00E818E3">
                              <w:rPr>
                                <w:rFonts w:ascii="BIZ UDPゴシック" w:eastAsia="BIZ UDPゴシック" w:hAnsi="BIZ UDPゴシック" w:hint="eastAsia"/>
                                <w:bCs/>
                                <w:szCs w:val="21"/>
                              </w:rPr>
                              <w:t>と、そこから遊びが始まったとのこと。「山から水は流れてる」「水の下には魚がいる！」と魚釣り遊びになったり安芸の宮島のように水の中に鳥居があることを調べて実際に作ったり</w:t>
                            </w:r>
                            <w:r w:rsidR="00BC10D3" w:rsidRPr="00E818E3">
                              <w:rPr>
                                <w:rFonts w:ascii="BIZ UDPゴシック" w:eastAsia="BIZ UDPゴシック" w:hAnsi="BIZ UDPゴシック" w:hint="eastAsia"/>
                                <w:bCs/>
                                <w:szCs w:val="21"/>
                              </w:rPr>
                              <w:t>・・・・と科学的な視点や日本の土地にも興味関心を向けてどんどん遊びが広がったとのこと。また、異年齢で遊んでおられることもあり、互いに刺激を受けて思いやる姿や</w:t>
                            </w:r>
                            <w:r w:rsidR="008F6488" w:rsidRPr="00E818E3">
                              <w:rPr>
                                <w:rFonts w:ascii="BIZ UDPゴシック" w:eastAsia="BIZ UDPゴシック" w:hAnsi="BIZ UDPゴシック" w:hint="eastAsia"/>
                                <w:bCs/>
                                <w:szCs w:val="21"/>
                              </w:rPr>
                              <w:t>年上の子</w:t>
                            </w:r>
                            <w:r w:rsidR="00BC10D3" w:rsidRPr="00E818E3">
                              <w:rPr>
                                <w:rFonts w:ascii="BIZ UDPゴシック" w:eastAsia="BIZ UDPゴシック" w:hAnsi="BIZ UDPゴシック" w:hint="eastAsia"/>
                                <w:bCs/>
                                <w:szCs w:val="21"/>
                              </w:rPr>
                              <w:t>の姿を見て「やってみたい！」と年下の子ども達が遊び始める</w:t>
                            </w:r>
                            <w:r w:rsidR="00FC28C2" w:rsidRPr="00E818E3">
                              <w:rPr>
                                <w:rFonts w:ascii="BIZ UDPゴシック" w:eastAsia="BIZ UDPゴシック" w:hAnsi="BIZ UDPゴシック" w:hint="eastAsia"/>
                                <w:bCs/>
                                <w:szCs w:val="21"/>
                              </w:rPr>
                              <w:t>など学びが深まっていました</w:t>
                            </w:r>
                            <w:r w:rsidR="00BC10D3" w:rsidRPr="00E818E3">
                              <w:rPr>
                                <w:rFonts w:ascii="BIZ UDPゴシック" w:eastAsia="BIZ UDPゴシック" w:hAnsi="BIZ UDPゴシック" w:hint="eastAsia"/>
                                <w:bCs/>
                                <w:szCs w:val="21"/>
                              </w:rPr>
                              <w:t>。</w:t>
                            </w:r>
                          </w:p>
                          <w:p w14:paraId="055CDBE6" w14:textId="661EB404" w:rsidR="00E818E3" w:rsidRPr="00E818E3" w:rsidRDefault="00BC10D3" w:rsidP="00E818E3">
                            <w:pPr>
                              <w:spacing w:line="240" w:lineRule="exact"/>
                              <w:ind w:firstLineChars="100" w:firstLine="210"/>
                              <w:rPr>
                                <w:rFonts w:ascii="BIZ UDPゴシック" w:eastAsia="BIZ UDPゴシック" w:hAnsi="BIZ UDPゴシック"/>
                                <w:bCs/>
                                <w:szCs w:val="21"/>
                              </w:rPr>
                            </w:pPr>
                            <w:r w:rsidRPr="00E818E3">
                              <w:rPr>
                                <w:rFonts w:ascii="BIZ UDPゴシック" w:eastAsia="BIZ UDPゴシック" w:hAnsi="BIZ UDPゴシック" w:hint="eastAsia"/>
                                <w:bCs/>
                                <w:szCs w:val="21"/>
                              </w:rPr>
                              <w:t>また違う施設では「どうぞのいす」の絵本から実際に子ども</w:t>
                            </w:r>
                            <w:r w:rsidR="00FC28C2" w:rsidRPr="00E818E3">
                              <w:rPr>
                                <w:rFonts w:ascii="BIZ UDPゴシック" w:eastAsia="BIZ UDPゴシック" w:hAnsi="BIZ UDPゴシック" w:hint="eastAsia"/>
                                <w:bCs/>
                                <w:szCs w:val="21"/>
                              </w:rPr>
                              <w:t>と椅子を作り玄関に置いてみられたところ、保護者や友達が座っ</w:t>
                            </w:r>
                            <w:r w:rsidRPr="00E818E3">
                              <w:rPr>
                                <w:rFonts w:ascii="BIZ UDPゴシック" w:eastAsia="BIZ UDPゴシック" w:hAnsi="BIZ UDPゴシック" w:hint="eastAsia"/>
                                <w:bCs/>
                                <w:szCs w:val="21"/>
                              </w:rPr>
                              <w:t>たりする姿を見ることで、</w:t>
                            </w:r>
                            <w:r w:rsidR="003032B3" w:rsidRPr="00E818E3">
                              <w:rPr>
                                <w:rFonts w:ascii="BIZ UDPゴシック" w:eastAsia="BIZ UDPゴシック" w:hAnsi="BIZ UDPゴシック" w:hint="eastAsia"/>
                                <w:bCs/>
                                <w:szCs w:val="21"/>
                              </w:rPr>
                              <w:t>子ども達の心が揺さぶられ</w:t>
                            </w:r>
                            <w:r w:rsidRPr="00E818E3">
                              <w:rPr>
                                <w:rFonts w:ascii="BIZ UDPゴシック" w:eastAsia="BIZ UDPゴシック" w:hAnsi="BIZ UDPゴシック" w:hint="eastAsia"/>
                                <w:bCs/>
                                <w:szCs w:val="21"/>
                              </w:rPr>
                              <w:t>遊びが続い</w:t>
                            </w:r>
                            <w:r w:rsidR="008F6488" w:rsidRPr="00E818E3">
                              <w:rPr>
                                <w:rFonts w:ascii="BIZ UDPゴシック" w:eastAsia="BIZ UDPゴシック" w:hAnsi="BIZ UDPゴシック" w:hint="eastAsia"/>
                                <w:bCs/>
                                <w:szCs w:val="21"/>
                              </w:rPr>
                              <w:t>ていました。</w:t>
                            </w:r>
                            <w:r w:rsidR="005F2A0A">
                              <w:rPr>
                                <w:rFonts w:ascii="BIZ UDPゴシック" w:eastAsia="BIZ UDPゴシック" w:hAnsi="BIZ UDPゴシック" w:hint="eastAsia"/>
                                <w:bCs/>
                                <w:szCs w:val="21"/>
                              </w:rPr>
                              <w:t>また</w:t>
                            </w:r>
                            <w:r w:rsidR="008F6488" w:rsidRPr="00E818E3">
                              <w:rPr>
                                <w:rFonts w:ascii="BIZ UDPゴシック" w:eastAsia="BIZ UDPゴシック" w:hAnsi="BIZ UDPゴシック" w:hint="eastAsia"/>
                                <w:bCs/>
                                <w:szCs w:val="21"/>
                              </w:rPr>
                              <w:t>ある時</w:t>
                            </w:r>
                            <w:r w:rsidRPr="00E818E3">
                              <w:rPr>
                                <w:rFonts w:ascii="BIZ UDPゴシック" w:eastAsia="BIZ UDPゴシック" w:hAnsi="BIZ UDPゴシック" w:hint="eastAsia"/>
                                <w:bCs/>
                                <w:szCs w:val="21"/>
                              </w:rPr>
                              <w:t>「ほげちゃん」という手作りの</w:t>
                            </w:r>
                            <w:r w:rsidR="003032B3" w:rsidRPr="00E818E3">
                              <w:rPr>
                                <w:rFonts w:ascii="BIZ UDPゴシック" w:eastAsia="BIZ UDPゴシック" w:hAnsi="BIZ UDPゴシック" w:hint="eastAsia"/>
                                <w:bCs/>
                                <w:szCs w:val="21"/>
                              </w:rPr>
                              <w:t>人形を作って椅子に座らせ</w:t>
                            </w:r>
                            <w:r w:rsidR="008F6488" w:rsidRPr="00E818E3">
                              <w:rPr>
                                <w:rFonts w:ascii="BIZ UDPゴシック" w:eastAsia="BIZ UDPゴシック" w:hAnsi="BIZ UDPゴシック" w:hint="eastAsia"/>
                                <w:bCs/>
                                <w:szCs w:val="21"/>
                              </w:rPr>
                              <w:t>る等、</w:t>
                            </w:r>
                            <w:r w:rsidR="003032B3" w:rsidRPr="00E818E3">
                              <w:rPr>
                                <w:rFonts w:ascii="BIZ UDPゴシック" w:eastAsia="BIZ UDPゴシック" w:hAnsi="BIZ UDPゴシック" w:hint="eastAsia"/>
                                <w:bCs/>
                                <w:szCs w:val="21"/>
                              </w:rPr>
                              <w:t>保育者のちょっとした工夫でイメージの世界が広がり遊びが深まっ</w:t>
                            </w:r>
                            <w:r w:rsidR="008F6488" w:rsidRPr="00E818E3">
                              <w:rPr>
                                <w:rFonts w:ascii="BIZ UDPゴシック" w:eastAsia="BIZ UDPゴシック" w:hAnsi="BIZ UDPゴシック" w:hint="eastAsia"/>
                                <w:bCs/>
                                <w:szCs w:val="21"/>
                              </w:rPr>
                              <w:t>た</w:t>
                            </w:r>
                            <w:r w:rsidR="005F2A0A">
                              <w:rPr>
                                <w:rFonts w:ascii="BIZ UDPゴシック" w:eastAsia="BIZ UDPゴシック" w:hAnsi="BIZ UDPゴシック" w:hint="eastAsia"/>
                                <w:bCs/>
                                <w:szCs w:val="21"/>
                              </w:rPr>
                              <w:t>そうです</w:t>
                            </w:r>
                            <w:r w:rsidR="003032B3" w:rsidRPr="00E818E3">
                              <w:rPr>
                                <w:rFonts w:ascii="BIZ UDPゴシック" w:eastAsia="BIZ UDPゴシック" w:hAnsi="BIZ UDPゴシック" w:hint="eastAsia"/>
                                <w:bCs/>
                                <w:szCs w:val="21"/>
                              </w:rPr>
                              <w:t>。</w:t>
                            </w:r>
                          </w:p>
                          <w:p w14:paraId="25A663DF" w14:textId="5B874913" w:rsidR="008F6488" w:rsidRDefault="00E818E3" w:rsidP="00E818E3">
                            <w:pPr>
                              <w:spacing w:line="240" w:lineRule="exact"/>
                              <w:ind w:firstLineChars="100" w:firstLine="210"/>
                              <w:rPr>
                                <w:szCs w:val="21"/>
                              </w:rPr>
                            </w:pPr>
                            <w:r w:rsidRPr="00E818E3">
                              <w:rPr>
                                <w:rFonts w:ascii="BIZ UDPゴシック" w:eastAsia="BIZ UDPゴシック" w:hAnsi="BIZ UDPゴシック" w:hint="eastAsia"/>
                                <w:bCs/>
                                <w:szCs w:val="21"/>
                              </w:rPr>
                              <w:t>どちらの施設もこどもも保育者も互いに主体性を発揮する</w:t>
                            </w:r>
                            <w:r w:rsidR="003032B3" w:rsidRPr="00E818E3">
                              <w:rPr>
                                <w:rFonts w:ascii="BIZ UDPゴシック" w:eastAsia="BIZ UDPゴシック" w:hAnsi="BIZ UDPゴシック" w:hint="eastAsia"/>
                                <w:bCs/>
                                <w:szCs w:val="21"/>
                              </w:rPr>
                              <w:t xml:space="preserve">なかで学びが深まっていることが素敵だと感じました。大人もこどもも共に！をモットーにできたらいいですね！　　　</w:t>
                            </w:r>
                            <w:r w:rsidR="003032B3" w:rsidRPr="00E818E3">
                              <w:rPr>
                                <w:rFonts w:hint="eastAsia"/>
                                <w:szCs w:val="21"/>
                              </w:rPr>
                              <w:t xml:space="preserve">　　　</w:t>
                            </w:r>
                          </w:p>
                          <w:p w14:paraId="700B3FAE" w14:textId="77777777" w:rsidR="00E818E3" w:rsidRPr="00E818E3" w:rsidRDefault="00E818E3" w:rsidP="00E818E3">
                            <w:pPr>
                              <w:spacing w:line="240" w:lineRule="exact"/>
                              <w:ind w:firstLineChars="100" w:firstLine="210"/>
                              <w:rPr>
                                <w:szCs w:val="21"/>
                              </w:rPr>
                            </w:pPr>
                          </w:p>
                          <w:p w14:paraId="79877ACC" w14:textId="24D8AFCC" w:rsidR="003032B3" w:rsidRPr="00E818E3" w:rsidRDefault="003032B3" w:rsidP="00E818E3">
                            <w:pPr>
                              <w:spacing w:line="240" w:lineRule="exact"/>
                              <w:rPr>
                                <w:szCs w:val="21"/>
                              </w:rPr>
                            </w:pPr>
                            <w:r w:rsidRPr="00E818E3">
                              <w:rPr>
                                <w:rFonts w:hint="eastAsia"/>
                                <w:szCs w:val="21"/>
                              </w:rPr>
                              <w:t xml:space="preserve">　</w:t>
                            </w:r>
                            <w:r w:rsidR="008F6488" w:rsidRPr="00E818E3">
                              <w:rPr>
                                <w:rFonts w:hint="eastAsia"/>
                                <w:szCs w:val="21"/>
                              </w:rPr>
                              <w:t xml:space="preserve">　　　　　　　　</w:t>
                            </w:r>
                            <w:r w:rsidRPr="00E818E3">
                              <w:rPr>
                                <w:rFonts w:ascii="BIZ UDPゴシック" w:eastAsia="BIZ UDPゴシック" w:hAnsi="BIZ UDPゴシック" w:hint="eastAsia"/>
                                <w:szCs w:val="21"/>
                              </w:rPr>
                              <w:t>幼児教育センター　アドバイザー・架け橋期のコーデ</w:t>
                            </w:r>
                            <w:r w:rsidR="004D64B8" w:rsidRPr="00E818E3">
                              <w:rPr>
                                <w:rFonts w:ascii="BIZ UDPゴシック" w:eastAsia="BIZ UDPゴシック" w:hAnsi="BIZ UDPゴシック" w:hint="eastAsia"/>
                                <w:szCs w:val="21"/>
                              </w:rPr>
                              <w:t>ィ</w:t>
                            </w:r>
                            <w:r w:rsidRPr="00E818E3">
                              <w:rPr>
                                <w:rFonts w:ascii="BIZ UDPゴシック" w:eastAsia="BIZ UDPゴシック" w:hAnsi="BIZ UDPゴシック" w:hint="eastAsia"/>
                                <w:szCs w:val="21"/>
                              </w:rPr>
                              <w:t xml:space="preserve">ネーター　</w:t>
                            </w:r>
                            <w:r w:rsidR="008F6488" w:rsidRPr="00E818E3">
                              <w:rPr>
                                <w:rFonts w:ascii="BIZ UDPゴシック" w:eastAsia="BIZ UDPゴシック" w:hAnsi="BIZ UDPゴシック" w:hint="eastAsia"/>
                                <w:szCs w:val="21"/>
                              </w:rPr>
                              <w:t>（</w:t>
                            </w:r>
                            <w:r w:rsidRPr="00E818E3">
                              <w:rPr>
                                <w:rFonts w:ascii="BIZ UDPゴシック" w:eastAsia="BIZ UDPゴシック" w:hAnsi="BIZ UDPゴシック" w:hint="eastAsia"/>
                                <w:szCs w:val="21"/>
                              </w:rPr>
                              <w:t>坂本　奈巳</w:t>
                            </w:r>
                            <w:r w:rsidR="008F6488" w:rsidRPr="00E818E3">
                              <w:rPr>
                                <w:rFonts w:ascii="BIZ UDPゴシック" w:eastAsia="BIZ UDPゴシック" w:hAnsi="BIZ UDPゴシック" w:hint="eastAsia"/>
                                <w:szCs w:val="21"/>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671165BC" id="四角形: 角を丸くする 4" o:spid="_x0000_s1048" style="position:absolute;left:0;text-align:left;margin-left:-.35pt;margin-top:31.8pt;width:489.5pt;height:255.75pt;z-index:25182208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zvzPcAIAADkFAAAOAAAAZHJzL2Uyb0RvYy54bWysVN9v2jAQfp+0/8Hy+xrCKGtRQ4WomCZV&#10;bdV26rNxbIjm+LyzIWF//c4mBNbxNC0Pztl33/3yd765bWvDtgp9Bbbg+cWAM2UllJVdFfz76+LT&#10;FWc+CFsKA1YVfKc8v51+/HDTuIkawhpMqZCRE+snjSv4OgQ3yTIv16oW/gKcsqTUgLUItMVVVqJo&#10;yHttsuFgMM4awNIhSOU9nd7tlXya/GutZHjU2qvATMEpt5BWTOsyrtn0RkxWKNy6kl0a4h+yqEVl&#10;KWjv6k4EwTZY/eWqriSCBx0uJNQZaF1JlWqgavLBu2pe1sKpVAs1x7u+Tf7/uZUP2xf3hNSGxvmJ&#10;JzFW0Wqs45/yY21q1q5vlmoDk3Q4Hubj8SX1VJLu83B0NRhexnZmR7hDH74qqFkUCo6wseUzXUnq&#10;lNje+7C3P9jFkB5MVS4qY9IGV8u5QbYVdH0L+ubzLsSJWXbMPElhZ1QEG/usNKtKynWYIiZSqd6f&#10;kFLZMO4cJusI0xS7B+bngCbkHaizjTCVyNYDB+eAf0bsESkq2NCD68oCnnNQ/ugj7+2p3Sc1RzG0&#10;y5aKppoTuePREsrdEzKEPfu9k4uKLuRe+PAkkOhOl0gjHB5p0QaagkMncbYG/HXuPNoTC0nLWUPj&#10;U3D/cyNQcWa+WeLndT4axXlLm9HlF8qG4almeaqxm3oOdMU5PRZOJjHaB3MQNUL9RpM+i1FJJayk&#10;2AWXAQ+bediPNb0VUs1myYxmzIlwb1+cjM5joyPXXts3ga5jZSBCP8Bh1MTkHS/3thFpYbYJoKtE&#10;2mNfuyug+Uzc796S+ACc7pPV8cWb/gYAAP//AwBQSwMEFAAGAAgAAAAhAPiHoMDeAAAACAEAAA8A&#10;AABkcnMvZG93bnJldi54bWxMjzFvwjAUhPdK/Q/Wq9QNHKAkkOYFAVJVBpZSuhvbJFHt58g2EP59&#10;3akdT3e6+65aDdawq/ahc4QwGWfANEmnOmoQjp9vowWwEAUpYRxphLsOsKofHypRKnejD309xIal&#10;EgqlQGhj7EvOg2y1FWHsek3JOztvRUzSN1x5cUvl1vBpluXcio7SQit6vW21/D5cLII8vuw303dD&#10;Xzubre+bncz9do/4/DSsX4FFPcS/MPziJ3SoE9PJXUgFZhBGRQoi5LMcWLKXxWIG7IQwL+YT4HXF&#10;/x+ofwAAAP//AwBQSwECLQAUAAYACAAAACEAtoM4kv4AAADhAQAAEwAAAAAAAAAAAAAAAAAAAAAA&#10;W0NvbnRlbnRfVHlwZXNdLnhtbFBLAQItABQABgAIAAAAIQA4/SH/1gAAAJQBAAALAAAAAAAAAAAA&#10;AAAAAC8BAABfcmVscy8ucmVsc1BLAQItABQABgAIAAAAIQBBzvzPcAIAADkFAAAOAAAAAAAAAAAA&#10;AAAAAC4CAABkcnMvZTJvRG9jLnhtbFBLAQItABQABgAIAAAAIQD4h6DA3gAAAAgBAAAPAAAAAAAA&#10;AAAAAAAAAMoEAABkcnMvZG93bnJldi54bWxQSwUGAAAAAAQABADzAAAA1QUAAAAA&#10;" fillcolor="#ffc" strokecolor="#70ad47 [3209]" strokeweight="1pt">
                <v:stroke joinstyle="miter"/>
                <v:textbox>
                  <w:txbxContent>
                    <w:p w14:paraId="42A031E7" w14:textId="27289921" w:rsidR="00E818E3" w:rsidRDefault="0066463F" w:rsidP="0066463F">
                      <w:pPr>
                        <w:rPr>
                          <w:rFonts w:ascii="BIZ UDPゴシック" w:eastAsia="BIZ UDPゴシック" w:hAnsi="BIZ UDPゴシック"/>
                          <w:b/>
                          <w:sz w:val="22"/>
                          <w:szCs w:val="28"/>
                          <w:u w:val="single"/>
                        </w:rPr>
                      </w:pPr>
                      <w:r w:rsidRPr="00B16C27">
                        <w:rPr>
                          <w:rFonts w:ascii="BIZ UDPゴシック" w:eastAsia="BIZ UDPゴシック" w:hAnsi="BIZ UDPゴシック" w:hint="eastAsia"/>
                          <w:b/>
                          <w:sz w:val="22"/>
                          <w:szCs w:val="28"/>
                          <w:u w:val="single"/>
                        </w:rPr>
                        <w:t>★アドバイザー通信「</w:t>
                      </w:r>
                      <w:r w:rsidR="003032B3">
                        <w:rPr>
                          <w:rFonts w:ascii="BIZ UDPゴシック" w:eastAsia="BIZ UDPゴシック" w:hAnsi="BIZ UDPゴシック" w:hint="eastAsia"/>
                          <w:b/>
                          <w:sz w:val="22"/>
                          <w:szCs w:val="28"/>
                          <w:u w:val="single"/>
                        </w:rPr>
                        <w:t>〈こども</w:t>
                      </w:r>
                      <w:r>
                        <w:rPr>
                          <w:rFonts w:ascii="BIZ UDPゴシック" w:eastAsia="BIZ UDPゴシック" w:hAnsi="BIZ UDPゴシック" w:hint="eastAsia"/>
                          <w:b/>
                          <w:sz w:val="22"/>
                          <w:szCs w:val="28"/>
                          <w:u w:val="single"/>
                        </w:rPr>
                        <w:t>も</w:t>
                      </w:r>
                      <w:r w:rsidR="00BC10D3">
                        <w:rPr>
                          <w:rFonts w:ascii="BIZ UDPゴシック" w:eastAsia="BIZ UDPゴシック" w:hAnsi="BIZ UDPゴシック" w:hint="eastAsia"/>
                          <w:b/>
                          <w:sz w:val="22"/>
                          <w:szCs w:val="28"/>
                          <w:u w:val="single"/>
                        </w:rPr>
                        <w:t xml:space="preserve">　</w:t>
                      </w:r>
                      <w:r w:rsidR="003032B3">
                        <w:rPr>
                          <w:rFonts w:ascii="BIZ UDPゴシック" w:eastAsia="BIZ UDPゴシック" w:hAnsi="BIZ UDPゴシック" w:hint="eastAsia"/>
                          <w:b/>
                          <w:sz w:val="22"/>
                          <w:szCs w:val="28"/>
                          <w:u w:val="single"/>
                        </w:rPr>
                        <w:t>保育者</w:t>
                      </w:r>
                      <w:r w:rsidR="00BC10D3">
                        <w:rPr>
                          <w:rFonts w:ascii="BIZ UDPゴシック" w:eastAsia="BIZ UDPゴシック" w:hAnsi="BIZ UDPゴシック" w:hint="eastAsia"/>
                          <w:b/>
                          <w:sz w:val="22"/>
                          <w:szCs w:val="28"/>
                          <w:u w:val="single"/>
                        </w:rPr>
                        <w:t>も　共に主体</w:t>
                      </w:r>
                      <w:r w:rsidR="003032B3">
                        <w:rPr>
                          <w:rFonts w:ascii="BIZ UDPゴシック" w:eastAsia="BIZ UDPゴシック" w:hAnsi="BIZ UDPゴシック" w:hint="eastAsia"/>
                          <w:b/>
                          <w:sz w:val="22"/>
                          <w:szCs w:val="28"/>
                          <w:u w:val="single"/>
                        </w:rPr>
                        <w:t>〉</w:t>
                      </w:r>
                      <w:r w:rsidR="00BC10D3">
                        <w:rPr>
                          <w:rFonts w:ascii="BIZ UDPゴシック" w:eastAsia="BIZ UDPゴシック" w:hAnsi="BIZ UDPゴシック" w:hint="eastAsia"/>
                          <w:b/>
                          <w:sz w:val="22"/>
                          <w:szCs w:val="28"/>
                          <w:u w:val="single"/>
                        </w:rPr>
                        <w:t>で</w:t>
                      </w:r>
                      <w:r w:rsidR="003032B3">
                        <w:rPr>
                          <w:rFonts w:ascii="BIZ UDPゴシック" w:eastAsia="BIZ UDPゴシック" w:hAnsi="BIZ UDPゴシック" w:hint="eastAsia"/>
                          <w:b/>
                          <w:sz w:val="22"/>
                          <w:szCs w:val="28"/>
                          <w:u w:val="single"/>
                        </w:rPr>
                        <w:t>の循環で更に</w:t>
                      </w:r>
                      <w:r w:rsidR="00BC10D3">
                        <w:rPr>
                          <w:rFonts w:ascii="BIZ UDPゴシック" w:eastAsia="BIZ UDPゴシック" w:hAnsi="BIZ UDPゴシック" w:hint="eastAsia"/>
                          <w:b/>
                          <w:sz w:val="22"/>
                          <w:szCs w:val="28"/>
                          <w:u w:val="single"/>
                        </w:rPr>
                        <w:t>保育も楽しく！</w:t>
                      </w:r>
                      <w:r w:rsidRPr="00B16C27">
                        <w:rPr>
                          <w:rFonts w:ascii="BIZ UDPゴシック" w:eastAsia="BIZ UDPゴシック" w:hAnsi="BIZ UDPゴシック"/>
                          <w:b/>
                          <w:sz w:val="22"/>
                          <w:szCs w:val="28"/>
                          <w:u w:val="single"/>
                        </w:rPr>
                        <w:t>」</w:t>
                      </w:r>
                    </w:p>
                    <w:p w14:paraId="2022ACF9" w14:textId="77777777" w:rsidR="00FC28C2" w:rsidRPr="00E818E3" w:rsidRDefault="0066463F" w:rsidP="00E818E3">
                      <w:pPr>
                        <w:spacing w:line="240" w:lineRule="exact"/>
                        <w:ind w:firstLineChars="100" w:firstLine="210"/>
                        <w:rPr>
                          <w:rFonts w:ascii="BIZ UDPゴシック" w:eastAsia="BIZ UDPゴシック" w:hAnsi="BIZ UDPゴシック"/>
                          <w:bCs/>
                          <w:szCs w:val="21"/>
                        </w:rPr>
                      </w:pPr>
                      <w:r w:rsidRPr="00E818E3">
                        <w:rPr>
                          <w:rFonts w:ascii="BIZ UDPゴシック" w:eastAsia="BIZ UDPゴシック" w:hAnsi="BIZ UDPゴシック" w:hint="eastAsia"/>
                          <w:bCs/>
                          <w:szCs w:val="21"/>
                        </w:rPr>
                        <w:t>今年度も後半となり2回目の訪問に伺う毎日です。</w:t>
                      </w:r>
                      <w:r w:rsidR="00BC10D3" w:rsidRPr="00E818E3">
                        <w:rPr>
                          <w:rFonts w:ascii="BIZ UDPゴシック" w:eastAsia="BIZ UDPゴシック" w:hAnsi="BIZ UDPゴシック" w:hint="eastAsia"/>
                          <w:bCs/>
                          <w:szCs w:val="21"/>
                        </w:rPr>
                        <w:t>訪問の</w:t>
                      </w:r>
                      <w:r w:rsidRPr="00E818E3">
                        <w:rPr>
                          <w:rFonts w:ascii="BIZ UDPゴシック" w:eastAsia="BIZ UDPゴシック" w:hAnsi="BIZ UDPゴシック" w:hint="eastAsia"/>
                          <w:bCs/>
                          <w:szCs w:val="21"/>
                        </w:rPr>
                        <w:t>中で「主体性」を大切にしたいというお声をお聞きする機会が増えたように思います。ある施設では</w:t>
                      </w:r>
                      <w:r w:rsidR="004D16F8" w:rsidRPr="00E818E3">
                        <w:rPr>
                          <w:rFonts w:ascii="BIZ UDPゴシック" w:eastAsia="BIZ UDPゴシック" w:hAnsi="BIZ UDPゴシック" w:hint="eastAsia"/>
                          <w:bCs/>
                          <w:szCs w:val="21"/>
                        </w:rPr>
                        <w:t>、川に関する絵本を読んだことをきっかけにし、</w:t>
                      </w:r>
                      <w:r w:rsidRPr="00E818E3">
                        <w:rPr>
                          <w:rFonts w:ascii="BIZ UDPゴシック" w:eastAsia="BIZ UDPゴシック" w:hAnsi="BIZ UDPゴシック" w:hint="eastAsia"/>
                          <w:bCs/>
                          <w:szCs w:val="21"/>
                        </w:rPr>
                        <w:t>川の流れがつながって海まで続いているということ</w:t>
                      </w:r>
                      <w:r w:rsidR="004D16F8" w:rsidRPr="00E818E3">
                        <w:rPr>
                          <w:rFonts w:ascii="BIZ UDPゴシック" w:eastAsia="BIZ UDPゴシック" w:hAnsi="BIZ UDPゴシック" w:hint="eastAsia"/>
                          <w:bCs/>
                          <w:szCs w:val="21"/>
                        </w:rPr>
                        <w:t>が</w:t>
                      </w:r>
                      <w:r w:rsidR="00BC10D3" w:rsidRPr="00E818E3">
                        <w:rPr>
                          <w:rFonts w:ascii="BIZ UDPゴシック" w:eastAsia="BIZ UDPゴシック" w:hAnsi="BIZ UDPゴシック" w:hint="eastAsia"/>
                          <w:bCs/>
                          <w:szCs w:val="21"/>
                        </w:rPr>
                        <w:t>感じられる</w:t>
                      </w:r>
                      <w:r w:rsidR="004D16F8" w:rsidRPr="00E818E3">
                        <w:rPr>
                          <w:rFonts w:ascii="BIZ UDPゴシック" w:eastAsia="BIZ UDPゴシック" w:hAnsi="BIZ UDPゴシック" w:hint="eastAsia"/>
                          <w:bCs/>
                          <w:szCs w:val="21"/>
                        </w:rPr>
                        <w:t>様にと</w:t>
                      </w:r>
                      <w:r w:rsidR="00BC10D3" w:rsidRPr="00E818E3">
                        <w:rPr>
                          <w:rFonts w:ascii="BIZ UDPゴシック" w:eastAsia="BIZ UDPゴシック" w:hAnsi="BIZ UDPゴシック" w:hint="eastAsia"/>
                          <w:bCs/>
                          <w:szCs w:val="21"/>
                        </w:rPr>
                        <w:t>、</w:t>
                      </w:r>
                      <w:r w:rsidRPr="00E818E3">
                        <w:rPr>
                          <w:rFonts w:ascii="BIZ UDPゴシック" w:eastAsia="BIZ UDPゴシック" w:hAnsi="BIZ UDPゴシック" w:hint="eastAsia"/>
                          <w:bCs/>
                          <w:szCs w:val="21"/>
                        </w:rPr>
                        <w:t>子どもたちの目線に合わせて掲示</w:t>
                      </w:r>
                      <w:r w:rsidR="004D16F8" w:rsidRPr="00E818E3">
                        <w:rPr>
                          <w:rFonts w:ascii="BIZ UDPゴシック" w:eastAsia="BIZ UDPゴシック" w:hAnsi="BIZ UDPゴシック" w:hint="eastAsia"/>
                          <w:bCs/>
                          <w:szCs w:val="21"/>
                        </w:rPr>
                        <w:t>を工夫されました。する</w:t>
                      </w:r>
                      <w:r w:rsidRPr="00E818E3">
                        <w:rPr>
                          <w:rFonts w:ascii="BIZ UDPゴシック" w:eastAsia="BIZ UDPゴシック" w:hAnsi="BIZ UDPゴシック" w:hint="eastAsia"/>
                          <w:bCs/>
                          <w:szCs w:val="21"/>
                        </w:rPr>
                        <w:t>と、そこから遊びが始まったとのこと。「山から水は流れてる」「水の下には魚がいる！」と魚釣り遊びになったり安芸の宮島のように水の中に鳥居があることを調べて実際に作ったり</w:t>
                      </w:r>
                      <w:r w:rsidR="00BC10D3" w:rsidRPr="00E818E3">
                        <w:rPr>
                          <w:rFonts w:ascii="BIZ UDPゴシック" w:eastAsia="BIZ UDPゴシック" w:hAnsi="BIZ UDPゴシック" w:hint="eastAsia"/>
                          <w:bCs/>
                          <w:szCs w:val="21"/>
                        </w:rPr>
                        <w:t>・・・・と科学的な視点や日本の土地にも興味関心を向けてどんどん遊びが広がったとのこと。また、異年齢で遊んでおられることもあり、互いに刺激を受けて思いやる姿や</w:t>
                      </w:r>
                      <w:r w:rsidR="008F6488" w:rsidRPr="00E818E3">
                        <w:rPr>
                          <w:rFonts w:ascii="BIZ UDPゴシック" w:eastAsia="BIZ UDPゴシック" w:hAnsi="BIZ UDPゴシック" w:hint="eastAsia"/>
                          <w:bCs/>
                          <w:szCs w:val="21"/>
                        </w:rPr>
                        <w:t>年上の子</w:t>
                      </w:r>
                      <w:r w:rsidR="00BC10D3" w:rsidRPr="00E818E3">
                        <w:rPr>
                          <w:rFonts w:ascii="BIZ UDPゴシック" w:eastAsia="BIZ UDPゴシック" w:hAnsi="BIZ UDPゴシック" w:hint="eastAsia"/>
                          <w:bCs/>
                          <w:szCs w:val="21"/>
                        </w:rPr>
                        <w:t>の姿を見て「やってみたい！」と年下の子ども達が遊び始める</w:t>
                      </w:r>
                      <w:r w:rsidR="00FC28C2" w:rsidRPr="00E818E3">
                        <w:rPr>
                          <w:rFonts w:ascii="BIZ UDPゴシック" w:eastAsia="BIZ UDPゴシック" w:hAnsi="BIZ UDPゴシック" w:hint="eastAsia"/>
                          <w:bCs/>
                          <w:szCs w:val="21"/>
                        </w:rPr>
                        <w:t>など学びが深まっていました</w:t>
                      </w:r>
                      <w:r w:rsidR="00BC10D3" w:rsidRPr="00E818E3">
                        <w:rPr>
                          <w:rFonts w:ascii="BIZ UDPゴシック" w:eastAsia="BIZ UDPゴシック" w:hAnsi="BIZ UDPゴシック" w:hint="eastAsia"/>
                          <w:bCs/>
                          <w:szCs w:val="21"/>
                        </w:rPr>
                        <w:t>。</w:t>
                      </w:r>
                    </w:p>
                    <w:p w14:paraId="055CDBE6" w14:textId="661EB404" w:rsidR="00E818E3" w:rsidRPr="00E818E3" w:rsidRDefault="00BC10D3" w:rsidP="00E818E3">
                      <w:pPr>
                        <w:spacing w:line="240" w:lineRule="exact"/>
                        <w:ind w:firstLineChars="100" w:firstLine="210"/>
                        <w:rPr>
                          <w:rFonts w:ascii="BIZ UDPゴシック" w:eastAsia="BIZ UDPゴシック" w:hAnsi="BIZ UDPゴシック"/>
                          <w:bCs/>
                          <w:szCs w:val="21"/>
                        </w:rPr>
                      </w:pPr>
                      <w:r w:rsidRPr="00E818E3">
                        <w:rPr>
                          <w:rFonts w:ascii="BIZ UDPゴシック" w:eastAsia="BIZ UDPゴシック" w:hAnsi="BIZ UDPゴシック" w:hint="eastAsia"/>
                          <w:bCs/>
                          <w:szCs w:val="21"/>
                        </w:rPr>
                        <w:t>また違う施設では「どうぞのいす」の絵本から実際に子ども</w:t>
                      </w:r>
                      <w:r w:rsidR="00FC28C2" w:rsidRPr="00E818E3">
                        <w:rPr>
                          <w:rFonts w:ascii="BIZ UDPゴシック" w:eastAsia="BIZ UDPゴシック" w:hAnsi="BIZ UDPゴシック" w:hint="eastAsia"/>
                          <w:bCs/>
                          <w:szCs w:val="21"/>
                        </w:rPr>
                        <w:t>と椅子を作り玄関に置いてみられたところ、保護者や友達が座っ</w:t>
                      </w:r>
                      <w:r w:rsidRPr="00E818E3">
                        <w:rPr>
                          <w:rFonts w:ascii="BIZ UDPゴシック" w:eastAsia="BIZ UDPゴシック" w:hAnsi="BIZ UDPゴシック" w:hint="eastAsia"/>
                          <w:bCs/>
                          <w:szCs w:val="21"/>
                        </w:rPr>
                        <w:t>たりする姿を見ることで、</w:t>
                      </w:r>
                      <w:r w:rsidR="003032B3" w:rsidRPr="00E818E3">
                        <w:rPr>
                          <w:rFonts w:ascii="BIZ UDPゴシック" w:eastAsia="BIZ UDPゴシック" w:hAnsi="BIZ UDPゴシック" w:hint="eastAsia"/>
                          <w:bCs/>
                          <w:szCs w:val="21"/>
                        </w:rPr>
                        <w:t>子ども達の心が揺さぶられ</w:t>
                      </w:r>
                      <w:r w:rsidRPr="00E818E3">
                        <w:rPr>
                          <w:rFonts w:ascii="BIZ UDPゴシック" w:eastAsia="BIZ UDPゴシック" w:hAnsi="BIZ UDPゴシック" w:hint="eastAsia"/>
                          <w:bCs/>
                          <w:szCs w:val="21"/>
                        </w:rPr>
                        <w:t>遊びが続い</w:t>
                      </w:r>
                      <w:r w:rsidR="008F6488" w:rsidRPr="00E818E3">
                        <w:rPr>
                          <w:rFonts w:ascii="BIZ UDPゴシック" w:eastAsia="BIZ UDPゴシック" w:hAnsi="BIZ UDPゴシック" w:hint="eastAsia"/>
                          <w:bCs/>
                          <w:szCs w:val="21"/>
                        </w:rPr>
                        <w:t>ていました。</w:t>
                      </w:r>
                      <w:r w:rsidR="005F2A0A">
                        <w:rPr>
                          <w:rFonts w:ascii="BIZ UDPゴシック" w:eastAsia="BIZ UDPゴシック" w:hAnsi="BIZ UDPゴシック" w:hint="eastAsia"/>
                          <w:bCs/>
                          <w:szCs w:val="21"/>
                        </w:rPr>
                        <w:t>また</w:t>
                      </w:r>
                      <w:r w:rsidR="008F6488" w:rsidRPr="00E818E3">
                        <w:rPr>
                          <w:rFonts w:ascii="BIZ UDPゴシック" w:eastAsia="BIZ UDPゴシック" w:hAnsi="BIZ UDPゴシック" w:hint="eastAsia"/>
                          <w:bCs/>
                          <w:szCs w:val="21"/>
                        </w:rPr>
                        <w:t>ある時</w:t>
                      </w:r>
                      <w:r w:rsidRPr="00E818E3">
                        <w:rPr>
                          <w:rFonts w:ascii="BIZ UDPゴシック" w:eastAsia="BIZ UDPゴシック" w:hAnsi="BIZ UDPゴシック" w:hint="eastAsia"/>
                          <w:bCs/>
                          <w:szCs w:val="21"/>
                        </w:rPr>
                        <w:t>「ほげちゃん」という手作りの</w:t>
                      </w:r>
                      <w:r w:rsidR="003032B3" w:rsidRPr="00E818E3">
                        <w:rPr>
                          <w:rFonts w:ascii="BIZ UDPゴシック" w:eastAsia="BIZ UDPゴシック" w:hAnsi="BIZ UDPゴシック" w:hint="eastAsia"/>
                          <w:bCs/>
                          <w:szCs w:val="21"/>
                        </w:rPr>
                        <w:t>人形を作って椅子に座らせ</w:t>
                      </w:r>
                      <w:r w:rsidR="008F6488" w:rsidRPr="00E818E3">
                        <w:rPr>
                          <w:rFonts w:ascii="BIZ UDPゴシック" w:eastAsia="BIZ UDPゴシック" w:hAnsi="BIZ UDPゴシック" w:hint="eastAsia"/>
                          <w:bCs/>
                          <w:szCs w:val="21"/>
                        </w:rPr>
                        <w:t>る等、</w:t>
                      </w:r>
                      <w:r w:rsidR="003032B3" w:rsidRPr="00E818E3">
                        <w:rPr>
                          <w:rFonts w:ascii="BIZ UDPゴシック" w:eastAsia="BIZ UDPゴシック" w:hAnsi="BIZ UDPゴシック" w:hint="eastAsia"/>
                          <w:bCs/>
                          <w:szCs w:val="21"/>
                        </w:rPr>
                        <w:t>保育者のちょっとした工夫でイメージの世界が広がり遊びが深まっ</w:t>
                      </w:r>
                      <w:r w:rsidR="008F6488" w:rsidRPr="00E818E3">
                        <w:rPr>
                          <w:rFonts w:ascii="BIZ UDPゴシック" w:eastAsia="BIZ UDPゴシック" w:hAnsi="BIZ UDPゴシック" w:hint="eastAsia"/>
                          <w:bCs/>
                          <w:szCs w:val="21"/>
                        </w:rPr>
                        <w:t>た</w:t>
                      </w:r>
                      <w:r w:rsidR="005F2A0A">
                        <w:rPr>
                          <w:rFonts w:ascii="BIZ UDPゴシック" w:eastAsia="BIZ UDPゴシック" w:hAnsi="BIZ UDPゴシック" w:hint="eastAsia"/>
                          <w:bCs/>
                          <w:szCs w:val="21"/>
                        </w:rPr>
                        <w:t>そうです</w:t>
                      </w:r>
                      <w:r w:rsidR="003032B3" w:rsidRPr="00E818E3">
                        <w:rPr>
                          <w:rFonts w:ascii="BIZ UDPゴシック" w:eastAsia="BIZ UDPゴシック" w:hAnsi="BIZ UDPゴシック" w:hint="eastAsia"/>
                          <w:bCs/>
                          <w:szCs w:val="21"/>
                        </w:rPr>
                        <w:t>。</w:t>
                      </w:r>
                    </w:p>
                    <w:p w14:paraId="25A663DF" w14:textId="5B874913" w:rsidR="008F6488" w:rsidRDefault="00E818E3" w:rsidP="00E818E3">
                      <w:pPr>
                        <w:spacing w:line="240" w:lineRule="exact"/>
                        <w:ind w:firstLineChars="100" w:firstLine="210"/>
                        <w:rPr>
                          <w:szCs w:val="21"/>
                        </w:rPr>
                      </w:pPr>
                      <w:r w:rsidRPr="00E818E3">
                        <w:rPr>
                          <w:rFonts w:ascii="BIZ UDPゴシック" w:eastAsia="BIZ UDPゴシック" w:hAnsi="BIZ UDPゴシック" w:hint="eastAsia"/>
                          <w:bCs/>
                          <w:szCs w:val="21"/>
                        </w:rPr>
                        <w:t>どちらの施設もこどもも保育者も互いに主体性を発揮する</w:t>
                      </w:r>
                      <w:r w:rsidR="003032B3" w:rsidRPr="00E818E3">
                        <w:rPr>
                          <w:rFonts w:ascii="BIZ UDPゴシック" w:eastAsia="BIZ UDPゴシック" w:hAnsi="BIZ UDPゴシック" w:hint="eastAsia"/>
                          <w:bCs/>
                          <w:szCs w:val="21"/>
                        </w:rPr>
                        <w:t xml:space="preserve">なかで学びが深まっていることが素敵だと感じました。大人もこどもも共に！をモットーにできたらいいですね！　　　</w:t>
                      </w:r>
                      <w:r w:rsidR="003032B3" w:rsidRPr="00E818E3">
                        <w:rPr>
                          <w:rFonts w:hint="eastAsia"/>
                          <w:szCs w:val="21"/>
                        </w:rPr>
                        <w:t xml:space="preserve">　　　</w:t>
                      </w:r>
                    </w:p>
                    <w:p w14:paraId="700B3FAE" w14:textId="77777777" w:rsidR="00E818E3" w:rsidRPr="00E818E3" w:rsidRDefault="00E818E3" w:rsidP="00E818E3">
                      <w:pPr>
                        <w:spacing w:line="240" w:lineRule="exact"/>
                        <w:ind w:firstLineChars="100" w:firstLine="210"/>
                        <w:rPr>
                          <w:szCs w:val="21"/>
                        </w:rPr>
                      </w:pPr>
                    </w:p>
                    <w:p w14:paraId="79877ACC" w14:textId="24D8AFCC" w:rsidR="003032B3" w:rsidRPr="00E818E3" w:rsidRDefault="003032B3" w:rsidP="00E818E3">
                      <w:pPr>
                        <w:spacing w:line="240" w:lineRule="exact"/>
                        <w:rPr>
                          <w:szCs w:val="21"/>
                        </w:rPr>
                      </w:pPr>
                      <w:r w:rsidRPr="00E818E3">
                        <w:rPr>
                          <w:rFonts w:hint="eastAsia"/>
                          <w:szCs w:val="21"/>
                        </w:rPr>
                        <w:t xml:space="preserve">　</w:t>
                      </w:r>
                      <w:r w:rsidR="008F6488" w:rsidRPr="00E818E3">
                        <w:rPr>
                          <w:rFonts w:hint="eastAsia"/>
                          <w:szCs w:val="21"/>
                        </w:rPr>
                        <w:t xml:space="preserve">　　　　　　　　</w:t>
                      </w:r>
                      <w:r w:rsidRPr="00E818E3">
                        <w:rPr>
                          <w:rFonts w:ascii="BIZ UDPゴシック" w:eastAsia="BIZ UDPゴシック" w:hAnsi="BIZ UDPゴシック" w:hint="eastAsia"/>
                          <w:szCs w:val="21"/>
                        </w:rPr>
                        <w:t>幼児教育センター　アドバイザー・架け橋期のコーデ</w:t>
                      </w:r>
                      <w:r w:rsidR="004D64B8" w:rsidRPr="00E818E3">
                        <w:rPr>
                          <w:rFonts w:ascii="BIZ UDPゴシック" w:eastAsia="BIZ UDPゴシック" w:hAnsi="BIZ UDPゴシック" w:hint="eastAsia"/>
                          <w:szCs w:val="21"/>
                        </w:rPr>
                        <w:t>ィ</w:t>
                      </w:r>
                      <w:r w:rsidRPr="00E818E3">
                        <w:rPr>
                          <w:rFonts w:ascii="BIZ UDPゴシック" w:eastAsia="BIZ UDPゴシック" w:hAnsi="BIZ UDPゴシック" w:hint="eastAsia"/>
                          <w:szCs w:val="21"/>
                        </w:rPr>
                        <w:t xml:space="preserve">ネーター　</w:t>
                      </w:r>
                      <w:r w:rsidR="008F6488" w:rsidRPr="00E818E3">
                        <w:rPr>
                          <w:rFonts w:ascii="BIZ UDPゴシック" w:eastAsia="BIZ UDPゴシック" w:hAnsi="BIZ UDPゴシック" w:hint="eastAsia"/>
                          <w:szCs w:val="21"/>
                        </w:rPr>
                        <w:t>（</w:t>
                      </w:r>
                      <w:r w:rsidRPr="00E818E3">
                        <w:rPr>
                          <w:rFonts w:ascii="BIZ UDPゴシック" w:eastAsia="BIZ UDPゴシック" w:hAnsi="BIZ UDPゴシック" w:hint="eastAsia"/>
                          <w:szCs w:val="21"/>
                        </w:rPr>
                        <w:t>坂本　奈巳</w:t>
                      </w:r>
                      <w:r w:rsidR="008F6488" w:rsidRPr="00E818E3">
                        <w:rPr>
                          <w:rFonts w:ascii="BIZ UDPゴシック" w:eastAsia="BIZ UDPゴシック" w:hAnsi="BIZ UDPゴシック" w:hint="eastAsia"/>
                          <w:szCs w:val="21"/>
                        </w:rPr>
                        <w:t>）</w:t>
                      </w:r>
                    </w:p>
                  </w:txbxContent>
                </v:textbox>
              </v:roundrect>
            </w:pict>
          </mc:Fallback>
        </mc:AlternateContent>
      </w:r>
    </w:p>
    <w:p w14:paraId="4DF502F8" w14:textId="6933AACC" w:rsidR="00F83BA0" w:rsidRDefault="00F83BA0" w:rsidP="00A37B3C">
      <w:pPr>
        <w:rPr>
          <w:rFonts w:ascii="ＭＳ Ｐ明朝" w:eastAsia="ＭＳ Ｐ明朝" w:hAnsi="ＭＳ Ｐ明朝"/>
          <w:sz w:val="22"/>
        </w:rPr>
      </w:pPr>
    </w:p>
    <w:p w14:paraId="4B7FD323" w14:textId="66FDFF6E" w:rsidR="00CB15E5" w:rsidRDefault="00CB15E5" w:rsidP="00A37B3C">
      <w:pPr>
        <w:rPr>
          <w:rFonts w:ascii="ＭＳ Ｐ明朝" w:eastAsia="ＭＳ Ｐ明朝" w:hAnsi="ＭＳ Ｐ明朝"/>
          <w:sz w:val="22"/>
        </w:rPr>
      </w:pPr>
    </w:p>
    <w:p w14:paraId="01D3C6E7" w14:textId="4DB3E8BD" w:rsidR="00CB15E5" w:rsidRDefault="00CB15E5" w:rsidP="00A37B3C">
      <w:pPr>
        <w:rPr>
          <w:rFonts w:ascii="ＭＳ Ｐ明朝" w:eastAsia="ＭＳ Ｐ明朝" w:hAnsi="ＭＳ Ｐ明朝"/>
          <w:sz w:val="22"/>
        </w:rPr>
      </w:pPr>
    </w:p>
    <w:p w14:paraId="34822F96" w14:textId="59429306" w:rsidR="00F83BA0" w:rsidRDefault="00F83BA0" w:rsidP="00A37B3C">
      <w:pPr>
        <w:rPr>
          <w:rFonts w:ascii="ＭＳ Ｐ明朝" w:eastAsia="ＭＳ Ｐ明朝" w:hAnsi="ＭＳ Ｐ明朝"/>
          <w:sz w:val="22"/>
        </w:rPr>
      </w:pPr>
    </w:p>
    <w:p w14:paraId="016852A8" w14:textId="42FCB152" w:rsidR="00871671" w:rsidRDefault="00871671" w:rsidP="00EE1D07">
      <w:pPr>
        <w:rPr>
          <w:rFonts w:ascii="ＭＳ Ｐ明朝" w:eastAsia="ＭＳ Ｐ明朝" w:hAnsi="ＭＳ Ｐ明朝"/>
          <w:sz w:val="22"/>
        </w:rPr>
      </w:pPr>
    </w:p>
    <w:p w14:paraId="1835C6E2" w14:textId="77777777" w:rsidR="0066463F" w:rsidRDefault="0066463F" w:rsidP="00EE1D07">
      <w:pPr>
        <w:rPr>
          <w:rFonts w:ascii="ＭＳ Ｐ明朝" w:eastAsia="ＭＳ Ｐ明朝" w:hAnsi="ＭＳ Ｐ明朝"/>
          <w:sz w:val="22"/>
        </w:rPr>
      </w:pPr>
    </w:p>
    <w:p w14:paraId="542260A0" w14:textId="77777777" w:rsidR="0066463F" w:rsidRDefault="0066463F" w:rsidP="00EE1D07">
      <w:pPr>
        <w:rPr>
          <w:rFonts w:ascii="ＭＳ Ｐ明朝" w:eastAsia="ＭＳ Ｐ明朝" w:hAnsi="ＭＳ Ｐ明朝"/>
          <w:sz w:val="22"/>
        </w:rPr>
      </w:pPr>
    </w:p>
    <w:p w14:paraId="018ABC55" w14:textId="77777777" w:rsidR="0066463F" w:rsidRDefault="0066463F" w:rsidP="00EE1D07">
      <w:pPr>
        <w:rPr>
          <w:rFonts w:ascii="ＭＳ Ｐ明朝" w:eastAsia="ＭＳ Ｐ明朝" w:hAnsi="ＭＳ Ｐ明朝"/>
          <w:sz w:val="22"/>
        </w:rPr>
      </w:pPr>
    </w:p>
    <w:p w14:paraId="22B169B7" w14:textId="77777777" w:rsidR="0066463F" w:rsidRDefault="0066463F" w:rsidP="00EE1D07">
      <w:pPr>
        <w:rPr>
          <w:rFonts w:ascii="ＭＳ Ｐ明朝" w:eastAsia="ＭＳ Ｐ明朝" w:hAnsi="ＭＳ Ｐ明朝"/>
          <w:sz w:val="22"/>
        </w:rPr>
      </w:pPr>
    </w:p>
    <w:p w14:paraId="7D2391AE" w14:textId="77777777" w:rsidR="0066463F" w:rsidRDefault="0066463F" w:rsidP="00EE1D07">
      <w:pPr>
        <w:rPr>
          <w:rFonts w:ascii="ＭＳ Ｐ明朝" w:eastAsia="ＭＳ Ｐ明朝" w:hAnsi="ＭＳ Ｐ明朝"/>
          <w:sz w:val="22"/>
        </w:rPr>
      </w:pPr>
    </w:p>
    <w:p w14:paraId="76489DC4" w14:textId="77777777" w:rsidR="0066463F" w:rsidRDefault="0066463F" w:rsidP="00EE1D07">
      <w:pPr>
        <w:rPr>
          <w:rFonts w:ascii="ＭＳ Ｐ明朝" w:eastAsia="ＭＳ Ｐ明朝" w:hAnsi="ＭＳ Ｐ明朝"/>
          <w:sz w:val="22"/>
        </w:rPr>
      </w:pPr>
    </w:p>
    <w:p w14:paraId="62A3C2CC" w14:textId="77777777" w:rsidR="0066463F" w:rsidRDefault="0066463F" w:rsidP="00EE1D07">
      <w:pPr>
        <w:rPr>
          <w:rFonts w:ascii="ＭＳ Ｐ明朝" w:eastAsia="ＭＳ Ｐ明朝" w:hAnsi="ＭＳ Ｐ明朝"/>
          <w:sz w:val="22"/>
        </w:rPr>
      </w:pPr>
    </w:p>
    <w:p w14:paraId="06C55D7E" w14:textId="77777777" w:rsidR="0066463F" w:rsidRDefault="0066463F" w:rsidP="00EE1D07">
      <w:pPr>
        <w:rPr>
          <w:rFonts w:ascii="ＭＳ Ｐ明朝" w:eastAsia="ＭＳ Ｐ明朝" w:hAnsi="ＭＳ Ｐ明朝"/>
          <w:sz w:val="22"/>
        </w:rPr>
      </w:pPr>
    </w:p>
    <w:p w14:paraId="0CCB8BC4" w14:textId="77777777" w:rsidR="0066463F" w:rsidRDefault="0066463F" w:rsidP="00EE1D07">
      <w:pPr>
        <w:rPr>
          <w:rFonts w:ascii="ＭＳ Ｐ明朝" w:eastAsia="ＭＳ Ｐ明朝" w:hAnsi="ＭＳ Ｐ明朝"/>
          <w:sz w:val="22"/>
        </w:rPr>
      </w:pPr>
    </w:p>
    <w:p w14:paraId="1A37B440" w14:textId="7191C4D1" w:rsidR="00871671" w:rsidRDefault="001974B8" w:rsidP="00EE1D07">
      <w:pPr>
        <w:rPr>
          <w:rFonts w:ascii="ＭＳ Ｐ明朝" w:eastAsia="ＭＳ Ｐ明朝" w:hAnsi="ＭＳ Ｐ明朝"/>
          <w:sz w:val="22"/>
        </w:rPr>
      </w:pPr>
      <w:r>
        <w:rPr>
          <w:rFonts w:ascii="ＭＳ Ｐ明朝" w:eastAsia="ＭＳ Ｐ明朝" w:hAnsi="ＭＳ Ｐ明朝"/>
          <w:noProof/>
          <w:sz w:val="22"/>
        </w:rPr>
        <mc:AlternateContent>
          <mc:Choice Requires="wps">
            <w:drawing>
              <wp:anchor distT="0" distB="0" distL="114300" distR="114300" simplePos="0" relativeHeight="251835392" behindDoc="0" locked="0" layoutInCell="1" allowOverlap="1" wp14:anchorId="003882B0" wp14:editId="4ED6B1DC">
                <wp:simplePos x="0" y="0"/>
                <wp:positionH relativeFrom="column">
                  <wp:posOffset>138431</wp:posOffset>
                </wp:positionH>
                <wp:positionV relativeFrom="paragraph">
                  <wp:posOffset>99060</wp:posOffset>
                </wp:positionV>
                <wp:extent cx="6000750" cy="561975"/>
                <wp:effectExtent l="0" t="0" r="19050" b="28575"/>
                <wp:wrapNone/>
                <wp:docPr id="6" name="テキスト ボックス 6"/>
                <wp:cNvGraphicFramePr/>
                <a:graphic xmlns:a="http://schemas.openxmlformats.org/drawingml/2006/main">
                  <a:graphicData uri="http://schemas.microsoft.com/office/word/2010/wordprocessingShape">
                    <wps:wsp>
                      <wps:cNvSpPr txBox="1"/>
                      <wps:spPr>
                        <a:xfrm>
                          <a:off x="0" y="0"/>
                          <a:ext cx="6000750" cy="561975"/>
                        </a:xfrm>
                        <a:prstGeom prst="rect">
                          <a:avLst/>
                        </a:prstGeom>
                        <a:solidFill>
                          <a:schemeClr val="lt1"/>
                        </a:solidFill>
                        <a:ln w="6350">
                          <a:solidFill>
                            <a:prstClr val="black"/>
                          </a:solidFill>
                        </a:ln>
                      </wps:spPr>
                      <wps:txbx>
                        <w:txbxContent>
                          <w:p w14:paraId="7EFBA0A6" w14:textId="2F23007F" w:rsidR="001974B8" w:rsidRPr="001974B8" w:rsidRDefault="001974B8" w:rsidP="001974B8">
                            <w:pPr>
                              <w:ind w:right="1120"/>
                              <w:jc w:val="center"/>
                              <w:rPr>
                                <w:rFonts w:ascii="BIZ UDPゴシック" w:eastAsia="BIZ UDPゴシック" w:hAnsi="BIZ UDPゴシック"/>
                                <w:sz w:val="28"/>
                              </w:rPr>
                            </w:pPr>
                            <w:r>
                              <w:rPr>
                                <w:rFonts w:ascii="BIZ UDPゴシック" w:eastAsia="BIZ UDPゴシック" w:hAnsi="BIZ UDPゴシック" w:hint="eastAsia"/>
                                <w:sz w:val="28"/>
                              </w:rPr>
                              <w:t xml:space="preserve">　</w:t>
                            </w:r>
                            <w:r>
                              <w:rPr>
                                <w:rFonts w:ascii="BIZ UDPゴシック" w:eastAsia="BIZ UDPゴシック" w:hAnsi="BIZ UDPゴシック"/>
                                <w:sz w:val="28"/>
                              </w:rPr>
                              <w:t xml:space="preserve">　　　</w:t>
                            </w:r>
                            <w:r w:rsidRPr="001974B8">
                              <w:rPr>
                                <w:rFonts w:ascii="BIZ UDPゴシック" w:eastAsia="BIZ UDPゴシック" w:hAnsi="BIZ UDPゴシック" w:hint="eastAsia"/>
                                <w:sz w:val="28"/>
                              </w:rPr>
                              <w:t>★お知らせ　1</w:t>
                            </w:r>
                            <w:r w:rsidRPr="001974B8">
                              <w:rPr>
                                <w:rFonts w:ascii="BIZ UDPゴシック" w:eastAsia="BIZ UDPゴシック" w:hAnsi="BIZ UDPゴシック"/>
                                <w:sz w:val="28"/>
                              </w:rPr>
                              <w:t>2/26(</w:t>
                            </w:r>
                            <w:r w:rsidRPr="001974B8">
                              <w:rPr>
                                <w:rFonts w:ascii="BIZ UDPゴシック" w:eastAsia="BIZ UDPゴシック" w:hAnsi="BIZ UDPゴシック" w:hint="eastAsia"/>
                                <w:sz w:val="28"/>
                              </w:rPr>
                              <w:t>金</w:t>
                            </w:r>
                            <w:r w:rsidRPr="001974B8">
                              <w:rPr>
                                <w:rFonts w:ascii="BIZ UDPゴシック" w:eastAsia="BIZ UDPゴシック" w:hAnsi="BIZ UDPゴシック"/>
                                <w:sz w:val="28"/>
                              </w:rPr>
                              <w:t>)</w:t>
                            </w:r>
                            <w:r w:rsidRPr="001974B8">
                              <w:rPr>
                                <w:rFonts w:ascii="BIZ UDPゴシック" w:eastAsia="BIZ UDPゴシック" w:hAnsi="BIZ UDPゴシック" w:hint="eastAsia"/>
                                <w:sz w:val="28"/>
                              </w:rPr>
                              <w:t>の夜間の開館はありません★</w:t>
                            </w:r>
                          </w:p>
                          <w:p w14:paraId="243712B0" w14:textId="77777777" w:rsidR="001974B8" w:rsidRPr="001974B8" w:rsidRDefault="001974B8"/>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003882B0" id="テキスト ボックス 6" o:spid="_x0000_s1049" type="#_x0000_t202" style="position:absolute;left:0;text-align:left;margin-left:10.9pt;margin-top:7.8pt;width:472.5pt;height:44.25pt;z-index:2518353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ROOubQIAALkEAAAOAAAAZHJzL2Uyb0RvYy54bWysVMFu2zAMvQ/YPwi6L3ayJl2NOkXWIsOA&#10;oi2QDj0rspwYk0VNUmJ3xwYo9hH7hWHnfY9/ZJRsp1m707CLTIrkE/lI+vSsLiXZCmMLUCkdDmJK&#10;hOKQFWqV0k+38zfvKLGOqYxJUCKl98LSs+nrV6eVTsQI1iAzYQiCKJtUOqVr53QSRZavRcnsALRQ&#10;aMzBlMyhalZRZliF6KWMRnE8iSowmTbAhbV4e9Ea6TTg57ng7jrPrXBEphRzc+E04Vz6M5qesmRl&#10;mF4XvEuD/UMWJSsUPrqHumCOkY0pXkCVBTdgIXcDDmUEeV5wEWrAaobxs2oWa6ZFqAXJsXpPk/1/&#10;sPxqe2NIkaV0QoliJbao2T02Dz+ah1/N7htpdt+b3a55+Ik6mXi6Km0TjFpojHP1e6ix7f29xUvP&#10;Qp2b0n+xPoJ2JP5+T7aoHeF4OYnj+HiMJo628WR4cjz2MNFTtDbWfRBQEi+k1GAzA8dse2ld69q7&#10;+McsyCKbF1IGxQ+QOJeGbBm2XrqQI4L/4SUVqTCTt5jGCwQPvY9fSsY/d+kdICCeVJiz56St3Uuu&#10;XtaB0pOelyVk90iXgXb+rObzAuEvmXU3zODAIQ24RO4aj1wC5gSdRMkazNe/3Xt/nAO0UlLhAKfU&#10;ftkwIyiRHxVOyMnw6MhPfFCOxscjVMyhZXloUZvyHJCoIa6r5kH0/k72Ym6gvMNdm/lX0cQUx7dT&#10;6nrx3LVrhbvKxWwWnHDGNXOXaqG5h/Yce1pv6ztmdNdWhwNxBf2os+RZd1tfH6lgtnGQF6H1nueW&#10;1Y5+3I8wPN0u+wU81IPX0x9n+hsAAP//AwBQSwMEFAAGAAgAAAAhAJEUsInbAAAACQEAAA8AAABk&#10;cnMvZG93bnJldi54bWxMj8FOwzAMhu9IvENkJG4s7QRVV5pOgAYXTgzE2WuyJKJxqibryttjTnD0&#10;91u/P7fbJQxiNlPykRSUqwKEoT5qT1bBx/vzTQ0iZSSNQySj4Nsk2HaXFy02Op7pzcz7bAWXUGpQ&#10;gct5bKRMvTMB0yqOhjg7xilg5nGyUk945vIwyHVRVDKgJ77gcDRPzvRf+1NQsHu0G9vXOLldrb2f&#10;l8/jq31R6vpqebgHkc2S/5bhV5/VoWOnQzyRTmJQsC7ZPDO/q0BwvqkqBgcGxW0Jsmvl/w+6HwAA&#10;AP//AwBQSwECLQAUAAYACAAAACEAtoM4kv4AAADhAQAAEwAAAAAAAAAAAAAAAAAAAAAAW0NvbnRl&#10;bnRfVHlwZXNdLnhtbFBLAQItABQABgAIAAAAIQA4/SH/1gAAAJQBAAALAAAAAAAAAAAAAAAAAC8B&#10;AABfcmVscy8ucmVsc1BLAQItABQABgAIAAAAIQAoROOubQIAALkEAAAOAAAAAAAAAAAAAAAAAC4C&#10;AABkcnMvZTJvRG9jLnhtbFBLAQItABQABgAIAAAAIQCRFLCJ2wAAAAkBAAAPAAAAAAAAAAAAAAAA&#10;AMcEAABkcnMvZG93bnJldi54bWxQSwUGAAAAAAQABADzAAAAzwUAAAAA&#10;" fillcolor="white [3201]" strokeweight=".5pt">
                <v:textbox>
                  <w:txbxContent>
                    <w:p w14:paraId="7EFBA0A6" w14:textId="2F23007F" w:rsidR="001974B8" w:rsidRPr="001974B8" w:rsidRDefault="001974B8" w:rsidP="001974B8">
                      <w:pPr>
                        <w:ind w:right="1120"/>
                        <w:jc w:val="center"/>
                        <w:rPr>
                          <w:rFonts w:ascii="BIZ UDPゴシック" w:eastAsia="BIZ UDPゴシック" w:hAnsi="BIZ UDPゴシック"/>
                          <w:sz w:val="28"/>
                        </w:rPr>
                      </w:pPr>
                      <w:r>
                        <w:rPr>
                          <w:rFonts w:ascii="BIZ UDPゴシック" w:eastAsia="BIZ UDPゴシック" w:hAnsi="BIZ UDPゴシック" w:hint="eastAsia"/>
                          <w:sz w:val="28"/>
                        </w:rPr>
                        <w:t xml:space="preserve">　</w:t>
                      </w:r>
                      <w:r>
                        <w:rPr>
                          <w:rFonts w:ascii="BIZ UDPゴシック" w:eastAsia="BIZ UDPゴシック" w:hAnsi="BIZ UDPゴシック"/>
                          <w:sz w:val="28"/>
                        </w:rPr>
                        <w:t xml:space="preserve">　　　</w:t>
                      </w:r>
                      <w:r w:rsidRPr="001974B8">
                        <w:rPr>
                          <w:rFonts w:ascii="BIZ UDPゴシック" w:eastAsia="BIZ UDPゴシック" w:hAnsi="BIZ UDPゴシック" w:hint="eastAsia"/>
                          <w:sz w:val="28"/>
                        </w:rPr>
                        <w:t>★お知らせ　1</w:t>
                      </w:r>
                      <w:r w:rsidRPr="001974B8">
                        <w:rPr>
                          <w:rFonts w:ascii="BIZ UDPゴシック" w:eastAsia="BIZ UDPゴシック" w:hAnsi="BIZ UDPゴシック"/>
                          <w:sz w:val="28"/>
                        </w:rPr>
                        <w:t>2/26(</w:t>
                      </w:r>
                      <w:r w:rsidRPr="001974B8">
                        <w:rPr>
                          <w:rFonts w:ascii="BIZ UDPゴシック" w:eastAsia="BIZ UDPゴシック" w:hAnsi="BIZ UDPゴシック" w:hint="eastAsia"/>
                          <w:sz w:val="28"/>
                        </w:rPr>
                        <w:t>金</w:t>
                      </w:r>
                      <w:r w:rsidRPr="001974B8">
                        <w:rPr>
                          <w:rFonts w:ascii="BIZ UDPゴシック" w:eastAsia="BIZ UDPゴシック" w:hAnsi="BIZ UDPゴシック"/>
                          <w:sz w:val="28"/>
                        </w:rPr>
                        <w:t>)</w:t>
                      </w:r>
                      <w:r w:rsidRPr="001974B8">
                        <w:rPr>
                          <w:rFonts w:ascii="BIZ UDPゴシック" w:eastAsia="BIZ UDPゴシック" w:hAnsi="BIZ UDPゴシック" w:hint="eastAsia"/>
                          <w:sz w:val="28"/>
                        </w:rPr>
                        <w:t>の夜間の開館はありません★</w:t>
                      </w:r>
                    </w:p>
                    <w:p w14:paraId="243712B0" w14:textId="77777777" w:rsidR="001974B8" w:rsidRPr="001974B8" w:rsidRDefault="001974B8"/>
                  </w:txbxContent>
                </v:textbox>
              </v:shape>
            </w:pict>
          </mc:Fallback>
        </mc:AlternateContent>
      </w:r>
    </w:p>
    <w:sectPr w:rsidR="00871671" w:rsidSect="00671D21">
      <w:pgSz w:w="11906" w:h="16838"/>
      <w:pgMar w:top="1134" w:right="907" w:bottom="1134" w:left="907"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BD02804" w14:textId="77777777" w:rsidR="00E955B7" w:rsidRDefault="00E955B7" w:rsidP="00E6162C">
      <w:r>
        <w:separator/>
      </w:r>
    </w:p>
  </w:endnote>
  <w:endnote w:type="continuationSeparator" w:id="0">
    <w:p w14:paraId="6B2690DB" w14:textId="77777777" w:rsidR="00E955B7" w:rsidRDefault="00E955B7" w:rsidP="00E6162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游ゴシック Light">
    <w:panose1 w:val="020B0300000000000000"/>
    <w:charset w:val="80"/>
    <w:family w:val="modern"/>
    <w:pitch w:val="variable"/>
    <w:sig w:usb0="E00002FF" w:usb1="2AC7FDFF" w:usb2="00000016" w:usb3="00000000" w:csb0="0002009F" w:csb1="00000000"/>
  </w:font>
  <w:font w:name="ＭＳ Ｐゴシック">
    <w:panose1 w:val="020B0600070205080204"/>
    <w:charset w:val="80"/>
    <w:family w:val="modern"/>
    <w:pitch w:val="variable"/>
    <w:sig w:usb0="E00002FF" w:usb1="6AC7FDFB" w:usb2="08000012" w:usb3="00000000" w:csb0="0002009F" w:csb1="00000000"/>
  </w:font>
  <w:font w:name="BIZ UDPゴシック">
    <w:panose1 w:val="020B0400000000000000"/>
    <w:charset w:val="80"/>
    <w:family w:val="modern"/>
    <w:pitch w:val="variable"/>
    <w:sig w:usb0="E00002F7" w:usb1="2AC7EDF8" w:usb2="00000012" w:usb3="00000000" w:csb0="00020001" w:csb1="00000000"/>
  </w:font>
  <w:font w:name="ＭＳ Ｐ明朝">
    <w:panose1 w:val="02020600040205080304"/>
    <w:charset w:val="80"/>
    <w:family w:val="roman"/>
    <w:pitch w:val="variable"/>
    <w:sig w:usb0="E00002FF" w:usb1="6AC7FDFB" w:usb2="08000012" w:usb3="00000000" w:csb0="0002009F" w:csb1="00000000"/>
  </w:font>
  <w:font w:name="游明朝">
    <w:panose1 w:val="02020400000000000000"/>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6FB13DC" w14:textId="77777777" w:rsidR="00E955B7" w:rsidRDefault="00E955B7" w:rsidP="00E6162C">
      <w:r>
        <w:separator/>
      </w:r>
    </w:p>
  </w:footnote>
  <w:footnote w:type="continuationSeparator" w:id="0">
    <w:p w14:paraId="4826FA40" w14:textId="77777777" w:rsidR="00E955B7" w:rsidRDefault="00E955B7" w:rsidP="00E6162C">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050">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75743"/>
    <w:rsid w:val="00000A20"/>
    <w:rsid w:val="000022B1"/>
    <w:rsid w:val="00006AF6"/>
    <w:rsid w:val="000201D2"/>
    <w:rsid w:val="000258B5"/>
    <w:rsid w:val="0003058E"/>
    <w:rsid w:val="00042049"/>
    <w:rsid w:val="000425A9"/>
    <w:rsid w:val="000427F8"/>
    <w:rsid w:val="00042E91"/>
    <w:rsid w:val="00046891"/>
    <w:rsid w:val="0004752D"/>
    <w:rsid w:val="00056ECF"/>
    <w:rsid w:val="00064CBC"/>
    <w:rsid w:val="00070BE0"/>
    <w:rsid w:val="00081145"/>
    <w:rsid w:val="000825C1"/>
    <w:rsid w:val="000834BA"/>
    <w:rsid w:val="00091E21"/>
    <w:rsid w:val="000945F1"/>
    <w:rsid w:val="000A17D0"/>
    <w:rsid w:val="000A5EC7"/>
    <w:rsid w:val="000A7D68"/>
    <w:rsid w:val="000C6D4F"/>
    <w:rsid w:val="000D07FF"/>
    <w:rsid w:val="000D4BCB"/>
    <w:rsid w:val="000D7A67"/>
    <w:rsid w:val="000E15A7"/>
    <w:rsid w:val="000E6E19"/>
    <w:rsid w:val="000F4CD9"/>
    <w:rsid w:val="000F65C2"/>
    <w:rsid w:val="001155E7"/>
    <w:rsid w:val="00120D31"/>
    <w:rsid w:val="0012704E"/>
    <w:rsid w:val="001271E5"/>
    <w:rsid w:val="00133C55"/>
    <w:rsid w:val="00136AFC"/>
    <w:rsid w:val="00141B81"/>
    <w:rsid w:val="001424AC"/>
    <w:rsid w:val="00146DE4"/>
    <w:rsid w:val="00157C14"/>
    <w:rsid w:val="00167DC9"/>
    <w:rsid w:val="0017010E"/>
    <w:rsid w:val="00173C6B"/>
    <w:rsid w:val="00173ED7"/>
    <w:rsid w:val="00175743"/>
    <w:rsid w:val="001974B8"/>
    <w:rsid w:val="00197B29"/>
    <w:rsid w:val="001A3471"/>
    <w:rsid w:val="001A3BF7"/>
    <w:rsid w:val="001A3FA7"/>
    <w:rsid w:val="001A6387"/>
    <w:rsid w:val="001B3C5B"/>
    <w:rsid w:val="001B52BD"/>
    <w:rsid w:val="001B634B"/>
    <w:rsid w:val="001C064C"/>
    <w:rsid w:val="001C6DF6"/>
    <w:rsid w:val="001C761F"/>
    <w:rsid w:val="001D0572"/>
    <w:rsid w:val="001D2339"/>
    <w:rsid w:val="001D72BD"/>
    <w:rsid w:val="001E1CDF"/>
    <w:rsid w:val="001E455F"/>
    <w:rsid w:val="001F26EE"/>
    <w:rsid w:val="00200B69"/>
    <w:rsid w:val="00206299"/>
    <w:rsid w:val="00212D0D"/>
    <w:rsid w:val="00215D32"/>
    <w:rsid w:val="00221925"/>
    <w:rsid w:val="002234E2"/>
    <w:rsid w:val="00227278"/>
    <w:rsid w:val="00231E1F"/>
    <w:rsid w:val="002343E3"/>
    <w:rsid w:val="002579CA"/>
    <w:rsid w:val="002741A3"/>
    <w:rsid w:val="00282E8D"/>
    <w:rsid w:val="002B7FA0"/>
    <w:rsid w:val="002C0C35"/>
    <w:rsid w:val="002C23C1"/>
    <w:rsid w:val="002C5FBF"/>
    <w:rsid w:val="002D4AEA"/>
    <w:rsid w:val="002D71A0"/>
    <w:rsid w:val="002F0F1E"/>
    <w:rsid w:val="003032B3"/>
    <w:rsid w:val="00312CF0"/>
    <w:rsid w:val="0032169F"/>
    <w:rsid w:val="00324894"/>
    <w:rsid w:val="0032572E"/>
    <w:rsid w:val="0033331A"/>
    <w:rsid w:val="003516A1"/>
    <w:rsid w:val="003571F4"/>
    <w:rsid w:val="00360729"/>
    <w:rsid w:val="0036535B"/>
    <w:rsid w:val="00365D85"/>
    <w:rsid w:val="00367AD5"/>
    <w:rsid w:val="0037287F"/>
    <w:rsid w:val="00375F26"/>
    <w:rsid w:val="00392CD6"/>
    <w:rsid w:val="0039704C"/>
    <w:rsid w:val="003A299E"/>
    <w:rsid w:val="003A6396"/>
    <w:rsid w:val="003B7A56"/>
    <w:rsid w:val="003C0416"/>
    <w:rsid w:val="003C397B"/>
    <w:rsid w:val="003C504E"/>
    <w:rsid w:val="003D169B"/>
    <w:rsid w:val="003D2A55"/>
    <w:rsid w:val="003D548A"/>
    <w:rsid w:val="003F40E2"/>
    <w:rsid w:val="003F5CD9"/>
    <w:rsid w:val="00404C98"/>
    <w:rsid w:val="004069BD"/>
    <w:rsid w:val="0041796D"/>
    <w:rsid w:val="00423139"/>
    <w:rsid w:val="0044066D"/>
    <w:rsid w:val="0044536A"/>
    <w:rsid w:val="00446806"/>
    <w:rsid w:val="00450AFB"/>
    <w:rsid w:val="00461F7E"/>
    <w:rsid w:val="00462927"/>
    <w:rsid w:val="0047391F"/>
    <w:rsid w:val="004800F3"/>
    <w:rsid w:val="00484A00"/>
    <w:rsid w:val="004901D4"/>
    <w:rsid w:val="004B16EF"/>
    <w:rsid w:val="004B178E"/>
    <w:rsid w:val="004B5679"/>
    <w:rsid w:val="004D16F8"/>
    <w:rsid w:val="004D4115"/>
    <w:rsid w:val="004D64B8"/>
    <w:rsid w:val="005109F9"/>
    <w:rsid w:val="00524E42"/>
    <w:rsid w:val="005701DD"/>
    <w:rsid w:val="00570FA6"/>
    <w:rsid w:val="0057106B"/>
    <w:rsid w:val="00572234"/>
    <w:rsid w:val="00580645"/>
    <w:rsid w:val="00581185"/>
    <w:rsid w:val="00587600"/>
    <w:rsid w:val="005914D1"/>
    <w:rsid w:val="00594A2D"/>
    <w:rsid w:val="00594CA1"/>
    <w:rsid w:val="005A13DE"/>
    <w:rsid w:val="005B5AB2"/>
    <w:rsid w:val="005C4F77"/>
    <w:rsid w:val="005D3CAF"/>
    <w:rsid w:val="005F03DE"/>
    <w:rsid w:val="005F18AA"/>
    <w:rsid w:val="005F2A0A"/>
    <w:rsid w:val="005F3CB0"/>
    <w:rsid w:val="005F49D2"/>
    <w:rsid w:val="0061659C"/>
    <w:rsid w:val="006228A0"/>
    <w:rsid w:val="00626E06"/>
    <w:rsid w:val="006401E4"/>
    <w:rsid w:val="00662037"/>
    <w:rsid w:val="00662F1A"/>
    <w:rsid w:val="0066463F"/>
    <w:rsid w:val="00670A3B"/>
    <w:rsid w:val="00671D21"/>
    <w:rsid w:val="00680759"/>
    <w:rsid w:val="00683069"/>
    <w:rsid w:val="00683535"/>
    <w:rsid w:val="00684EF4"/>
    <w:rsid w:val="00693A4D"/>
    <w:rsid w:val="00696328"/>
    <w:rsid w:val="00696572"/>
    <w:rsid w:val="006B6807"/>
    <w:rsid w:val="006C4072"/>
    <w:rsid w:val="006C4A99"/>
    <w:rsid w:val="006C7859"/>
    <w:rsid w:val="006E4028"/>
    <w:rsid w:val="006E5EAB"/>
    <w:rsid w:val="006E7830"/>
    <w:rsid w:val="00702DAB"/>
    <w:rsid w:val="007031A8"/>
    <w:rsid w:val="0070592F"/>
    <w:rsid w:val="007070A8"/>
    <w:rsid w:val="00741D50"/>
    <w:rsid w:val="007422E9"/>
    <w:rsid w:val="007470AE"/>
    <w:rsid w:val="007628BD"/>
    <w:rsid w:val="0076321D"/>
    <w:rsid w:val="00767EAA"/>
    <w:rsid w:val="00781883"/>
    <w:rsid w:val="00782EBC"/>
    <w:rsid w:val="00782F30"/>
    <w:rsid w:val="0079037A"/>
    <w:rsid w:val="00790800"/>
    <w:rsid w:val="0079281E"/>
    <w:rsid w:val="00793F8B"/>
    <w:rsid w:val="007A2E59"/>
    <w:rsid w:val="007B0EC7"/>
    <w:rsid w:val="007B7BFF"/>
    <w:rsid w:val="007C280E"/>
    <w:rsid w:val="007C65F3"/>
    <w:rsid w:val="007F5163"/>
    <w:rsid w:val="008038EA"/>
    <w:rsid w:val="0081369B"/>
    <w:rsid w:val="00824E3B"/>
    <w:rsid w:val="00835719"/>
    <w:rsid w:val="00836290"/>
    <w:rsid w:val="00837D94"/>
    <w:rsid w:val="00843866"/>
    <w:rsid w:val="00855021"/>
    <w:rsid w:val="00863CBA"/>
    <w:rsid w:val="00864049"/>
    <w:rsid w:val="00866609"/>
    <w:rsid w:val="00866730"/>
    <w:rsid w:val="00866D5A"/>
    <w:rsid w:val="00871671"/>
    <w:rsid w:val="00874490"/>
    <w:rsid w:val="0088066A"/>
    <w:rsid w:val="00887B4C"/>
    <w:rsid w:val="00893389"/>
    <w:rsid w:val="00893A84"/>
    <w:rsid w:val="00895940"/>
    <w:rsid w:val="00897A33"/>
    <w:rsid w:val="00897CC8"/>
    <w:rsid w:val="008A6A72"/>
    <w:rsid w:val="008B13BD"/>
    <w:rsid w:val="008B271C"/>
    <w:rsid w:val="008B7D97"/>
    <w:rsid w:val="008C69FB"/>
    <w:rsid w:val="008C77DA"/>
    <w:rsid w:val="008D694C"/>
    <w:rsid w:val="008E17C6"/>
    <w:rsid w:val="008F6488"/>
    <w:rsid w:val="008F6887"/>
    <w:rsid w:val="00900A91"/>
    <w:rsid w:val="00901330"/>
    <w:rsid w:val="009116F4"/>
    <w:rsid w:val="00916B8D"/>
    <w:rsid w:val="009274C9"/>
    <w:rsid w:val="00930F2B"/>
    <w:rsid w:val="00937423"/>
    <w:rsid w:val="009420F2"/>
    <w:rsid w:val="00967A75"/>
    <w:rsid w:val="009741E3"/>
    <w:rsid w:val="00974DDD"/>
    <w:rsid w:val="009801D4"/>
    <w:rsid w:val="00987765"/>
    <w:rsid w:val="009A47CE"/>
    <w:rsid w:val="009B368D"/>
    <w:rsid w:val="009B4B81"/>
    <w:rsid w:val="009B4E0B"/>
    <w:rsid w:val="009B5052"/>
    <w:rsid w:val="009C0751"/>
    <w:rsid w:val="009C16BB"/>
    <w:rsid w:val="009C5311"/>
    <w:rsid w:val="009E0799"/>
    <w:rsid w:val="009E3996"/>
    <w:rsid w:val="009F323F"/>
    <w:rsid w:val="00A0263B"/>
    <w:rsid w:val="00A02A38"/>
    <w:rsid w:val="00A12C45"/>
    <w:rsid w:val="00A221C2"/>
    <w:rsid w:val="00A25AA1"/>
    <w:rsid w:val="00A37B3C"/>
    <w:rsid w:val="00A5089D"/>
    <w:rsid w:val="00A53868"/>
    <w:rsid w:val="00A577F2"/>
    <w:rsid w:val="00A620E3"/>
    <w:rsid w:val="00A67052"/>
    <w:rsid w:val="00A80E4A"/>
    <w:rsid w:val="00A86BF4"/>
    <w:rsid w:val="00AA0EA1"/>
    <w:rsid w:val="00AA117A"/>
    <w:rsid w:val="00AA2068"/>
    <w:rsid w:val="00AA450B"/>
    <w:rsid w:val="00AA649E"/>
    <w:rsid w:val="00AA7C1C"/>
    <w:rsid w:val="00AB3E83"/>
    <w:rsid w:val="00AC3CD8"/>
    <w:rsid w:val="00AD0AF4"/>
    <w:rsid w:val="00AD1FFD"/>
    <w:rsid w:val="00AD5EA9"/>
    <w:rsid w:val="00AD69FB"/>
    <w:rsid w:val="00B013F0"/>
    <w:rsid w:val="00B03CD4"/>
    <w:rsid w:val="00B040DF"/>
    <w:rsid w:val="00B063DC"/>
    <w:rsid w:val="00B14AFC"/>
    <w:rsid w:val="00B16C27"/>
    <w:rsid w:val="00B25503"/>
    <w:rsid w:val="00B26E18"/>
    <w:rsid w:val="00B33345"/>
    <w:rsid w:val="00B470DC"/>
    <w:rsid w:val="00B57E15"/>
    <w:rsid w:val="00B666B5"/>
    <w:rsid w:val="00B706D0"/>
    <w:rsid w:val="00B70FE5"/>
    <w:rsid w:val="00B82FA9"/>
    <w:rsid w:val="00B87A2C"/>
    <w:rsid w:val="00B9671C"/>
    <w:rsid w:val="00BB161B"/>
    <w:rsid w:val="00BB2077"/>
    <w:rsid w:val="00BB4993"/>
    <w:rsid w:val="00BB68D3"/>
    <w:rsid w:val="00BC10D3"/>
    <w:rsid w:val="00BC2E14"/>
    <w:rsid w:val="00BD7880"/>
    <w:rsid w:val="00BE1289"/>
    <w:rsid w:val="00BE2B88"/>
    <w:rsid w:val="00BF3EA8"/>
    <w:rsid w:val="00C00AE1"/>
    <w:rsid w:val="00C02C4F"/>
    <w:rsid w:val="00C06E0E"/>
    <w:rsid w:val="00C22E46"/>
    <w:rsid w:val="00C2409D"/>
    <w:rsid w:val="00C27C72"/>
    <w:rsid w:val="00C31078"/>
    <w:rsid w:val="00C36F53"/>
    <w:rsid w:val="00C447C4"/>
    <w:rsid w:val="00C60B4D"/>
    <w:rsid w:val="00C6117F"/>
    <w:rsid w:val="00C71B37"/>
    <w:rsid w:val="00C72FB8"/>
    <w:rsid w:val="00C741AF"/>
    <w:rsid w:val="00C836BD"/>
    <w:rsid w:val="00C8744A"/>
    <w:rsid w:val="00C936A9"/>
    <w:rsid w:val="00CA1C0B"/>
    <w:rsid w:val="00CA5DB6"/>
    <w:rsid w:val="00CB091B"/>
    <w:rsid w:val="00CB15E5"/>
    <w:rsid w:val="00CB40EE"/>
    <w:rsid w:val="00CC08A1"/>
    <w:rsid w:val="00CD2CAF"/>
    <w:rsid w:val="00CD5B18"/>
    <w:rsid w:val="00CE268A"/>
    <w:rsid w:val="00CF2150"/>
    <w:rsid w:val="00CF3CA7"/>
    <w:rsid w:val="00D01284"/>
    <w:rsid w:val="00D10752"/>
    <w:rsid w:val="00D14017"/>
    <w:rsid w:val="00D200BC"/>
    <w:rsid w:val="00D207B6"/>
    <w:rsid w:val="00D250C9"/>
    <w:rsid w:val="00D2752B"/>
    <w:rsid w:val="00D3370E"/>
    <w:rsid w:val="00D42559"/>
    <w:rsid w:val="00D5352A"/>
    <w:rsid w:val="00D54288"/>
    <w:rsid w:val="00D66027"/>
    <w:rsid w:val="00D669E8"/>
    <w:rsid w:val="00D72368"/>
    <w:rsid w:val="00D92EB1"/>
    <w:rsid w:val="00DA028F"/>
    <w:rsid w:val="00DA1F99"/>
    <w:rsid w:val="00DA6779"/>
    <w:rsid w:val="00DB202C"/>
    <w:rsid w:val="00DC4AB0"/>
    <w:rsid w:val="00DD2F81"/>
    <w:rsid w:val="00DE54B9"/>
    <w:rsid w:val="00DE5A12"/>
    <w:rsid w:val="00DF665E"/>
    <w:rsid w:val="00E009C2"/>
    <w:rsid w:val="00E0272E"/>
    <w:rsid w:val="00E06AC9"/>
    <w:rsid w:val="00E07D7B"/>
    <w:rsid w:val="00E133A0"/>
    <w:rsid w:val="00E216DE"/>
    <w:rsid w:val="00E2442A"/>
    <w:rsid w:val="00E2560B"/>
    <w:rsid w:val="00E33E66"/>
    <w:rsid w:val="00E3564B"/>
    <w:rsid w:val="00E358FE"/>
    <w:rsid w:val="00E50838"/>
    <w:rsid w:val="00E56394"/>
    <w:rsid w:val="00E56493"/>
    <w:rsid w:val="00E6029F"/>
    <w:rsid w:val="00E6162C"/>
    <w:rsid w:val="00E80F95"/>
    <w:rsid w:val="00E818E3"/>
    <w:rsid w:val="00E955B7"/>
    <w:rsid w:val="00EA1032"/>
    <w:rsid w:val="00EB6DDA"/>
    <w:rsid w:val="00EB7427"/>
    <w:rsid w:val="00EC1527"/>
    <w:rsid w:val="00ED567E"/>
    <w:rsid w:val="00ED5B44"/>
    <w:rsid w:val="00EE1D07"/>
    <w:rsid w:val="00EF1B5D"/>
    <w:rsid w:val="00EF3CFA"/>
    <w:rsid w:val="00F00C73"/>
    <w:rsid w:val="00F01C6A"/>
    <w:rsid w:val="00F2323E"/>
    <w:rsid w:val="00F23981"/>
    <w:rsid w:val="00F26A7F"/>
    <w:rsid w:val="00F3229D"/>
    <w:rsid w:val="00F349DA"/>
    <w:rsid w:val="00F44F54"/>
    <w:rsid w:val="00F57A15"/>
    <w:rsid w:val="00F6393A"/>
    <w:rsid w:val="00F64A24"/>
    <w:rsid w:val="00F65469"/>
    <w:rsid w:val="00F667DB"/>
    <w:rsid w:val="00F74F20"/>
    <w:rsid w:val="00F807AC"/>
    <w:rsid w:val="00F835C5"/>
    <w:rsid w:val="00F83BA0"/>
    <w:rsid w:val="00F83DB1"/>
    <w:rsid w:val="00FC28C2"/>
    <w:rsid w:val="00FC446B"/>
    <w:rsid w:val="00FC73A8"/>
    <w:rsid w:val="00FE1FB3"/>
    <w:rsid w:val="00FF15F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38A61822"/>
  <w15:chartTrackingRefBased/>
  <w15:docId w15:val="{316295D9-175E-4752-987F-0C7694DC039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entury" w:eastAsia="ＭＳ 明朝" w:hAnsi="Century"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4800F3"/>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9C5311"/>
    <w:pPr>
      <w:ind w:leftChars="400" w:left="840"/>
    </w:pPr>
  </w:style>
  <w:style w:type="paragraph" w:styleId="a4">
    <w:name w:val="header"/>
    <w:basedOn w:val="a"/>
    <w:link w:val="a5"/>
    <w:uiPriority w:val="99"/>
    <w:unhideWhenUsed/>
    <w:rsid w:val="00E6162C"/>
    <w:pPr>
      <w:tabs>
        <w:tab w:val="center" w:pos="4252"/>
        <w:tab w:val="right" w:pos="8504"/>
      </w:tabs>
      <w:snapToGrid w:val="0"/>
    </w:pPr>
  </w:style>
  <w:style w:type="character" w:customStyle="1" w:styleId="a5">
    <w:name w:val="ヘッダー (文字)"/>
    <w:basedOn w:val="a0"/>
    <w:link w:val="a4"/>
    <w:uiPriority w:val="99"/>
    <w:rsid w:val="00E6162C"/>
  </w:style>
  <w:style w:type="paragraph" w:styleId="a6">
    <w:name w:val="footer"/>
    <w:basedOn w:val="a"/>
    <w:link w:val="a7"/>
    <w:uiPriority w:val="99"/>
    <w:unhideWhenUsed/>
    <w:rsid w:val="00E6162C"/>
    <w:pPr>
      <w:tabs>
        <w:tab w:val="center" w:pos="4252"/>
        <w:tab w:val="right" w:pos="8504"/>
      </w:tabs>
      <w:snapToGrid w:val="0"/>
    </w:pPr>
  </w:style>
  <w:style w:type="character" w:customStyle="1" w:styleId="a7">
    <w:name w:val="フッター (文字)"/>
    <w:basedOn w:val="a0"/>
    <w:link w:val="a6"/>
    <w:uiPriority w:val="99"/>
    <w:rsid w:val="00E6162C"/>
  </w:style>
  <w:style w:type="paragraph" w:styleId="a8">
    <w:name w:val="Date"/>
    <w:basedOn w:val="a"/>
    <w:next w:val="a"/>
    <w:link w:val="a9"/>
    <w:uiPriority w:val="99"/>
    <w:semiHidden/>
    <w:unhideWhenUsed/>
    <w:rsid w:val="00446806"/>
  </w:style>
  <w:style w:type="character" w:customStyle="1" w:styleId="a9">
    <w:name w:val="日付 (文字)"/>
    <w:basedOn w:val="a0"/>
    <w:link w:val="a8"/>
    <w:uiPriority w:val="99"/>
    <w:semiHidden/>
    <w:rsid w:val="00446806"/>
  </w:style>
  <w:style w:type="character" w:styleId="aa">
    <w:name w:val="Hyperlink"/>
    <w:basedOn w:val="a0"/>
    <w:uiPriority w:val="99"/>
    <w:unhideWhenUsed/>
    <w:rsid w:val="00662037"/>
    <w:rPr>
      <w:color w:val="0563C1" w:themeColor="hyperlink"/>
      <w:u w:val="single"/>
    </w:rPr>
  </w:style>
  <w:style w:type="paragraph" w:styleId="ab">
    <w:name w:val="Balloon Text"/>
    <w:basedOn w:val="a"/>
    <w:link w:val="ac"/>
    <w:uiPriority w:val="99"/>
    <w:semiHidden/>
    <w:unhideWhenUsed/>
    <w:rsid w:val="00866730"/>
    <w:rPr>
      <w:rFonts w:asciiTheme="majorHAnsi" w:eastAsiaTheme="majorEastAsia" w:hAnsiTheme="majorHAnsi" w:cstheme="majorBidi"/>
      <w:sz w:val="18"/>
      <w:szCs w:val="18"/>
    </w:rPr>
  </w:style>
  <w:style w:type="character" w:customStyle="1" w:styleId="ac">
    <w:name w:val="吹き出し (文字)"/>
    <w:basedOn w:val="a0"/>
    <w:link w:val="ab"/>
    <w:uiPriority w:val="99"/>
    <w:semiHidden/>
    <w:rsid w:val="00866730"/>
    <w:rPr>
      <w:rFonts w:asciiTheme="majorHAnsi" w:eastAsiaTheme="majorEastAsia" w:hAnsiTheme="majorHAnsi" w:cstheme="majorBidi"/>
      <w:sz w:val="18"/>
      <w:szCs w:val="18"/>
    </w:rPr>
  </w:style>
  <w:style w:type="character" w:styleId="ad">
    <w:name w:val="FollowedHyperlink"/>
    <w:basedOn w:val="a0"/>
    <w:uiPriority w:val="99"/>
    <w:semiHidden/>
    <w:unhideWhenUsed/>
    <w:rsid w:val="00D207B6"/>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6781892">
      <w:bodyDiv w:val="1"/>
      <w:marLeft w:val="0"/>
      <w:marRight w:val="0"/>
      <w:marTop w:val="0"/>
      <w:marBottom w:val="0"/>
      <w:divBdr>
        <w:top w:val="none" w:sz="0" w:space="0" w:color="auto"/>
        <w:left w:val="none" w:sz="0" w:space="0" w:color="auto"/>
        <w:bottom w:val="none" w:sz="0" w:space="0" w:color="auto"/>
        <w:right w:val="none" w:sz="0" w:space="0" w:color="auto"/>
      </w:divBdr>
    </w:div>
    <w:div w:id="457794925">
      <w:bodyDiv w:val="1"/>
      <w:marLeft w:val="0"/>
      <w:marRight w:val="0"/>
      <w:marTop w:val="0"/>
      <w:marBottom w:val="0"/>
      <w:divBdr>
        <w:top w:val="none" w:sz="0" w:space="0" w:color="auto"/>
        <w:left w:val="none" w:sz="0" w:space="0" w:color="auto"/>
        <w:bottom w:val="none" w:sz="0" w:space="0" w:color="auto"/>
        <w:right w:val="none" w:sz="0" w:space="0" w:color="auto"/>
      </w:divBdr>
    </w:div>
    <w:div w:id="938952424">
      <w:bodyDiv w:val="1"/>
      <w:marLeft w:val="0"/>
      <w:marRight w:val="0"/>
      <w:marTop w:val="0"/>
      <w:marBottom w:val="0"/>
      <w:divBdr>
        <w:top w:val="none" w:sz="0" w:space="0" w:color="auto"/>
        <w:left w:val="none" w:sz="0" w:space="0" w:color="auto"/>
        <w:bottom w:val="none" w:sz="0" w:space="0" w:color="auto"/>
        <w:right w:val="none" w:sz="0" w:space="0" w:color="auto"/>
      </w:divBdr>
    </w:div>
    <w:div w:id="1115903178">
      <w:bodyDiv w:val="1"/>
      <w:marLeft w:val="0"/>
      <w:marRight w:val="0"/>
      <w:marTop w:val="0"/>
      <w:marBottom w:val="0"/>
      <w:divBdr>
        <w:top w:val="none" w:sz="0" w:space="0" w:color="auto"/>
        <w:left w:val="none" w:sz="0" w:space="0" w:color="auto"/>
        <w:bottom w:val="none" w:sz="0" w:space="0" w:color="auto"/>
        <w:right w:val="none" w:sz="0" w:space="0" w:color="auto"/>
      </w:divBdr>
    </w:div>
    <w:div w:id="173233895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6.jpeg"/><Relationship Id="rId18" Type="http://schemas.openxmlformats.org/officeDocument/2006/relationships/image" Target="media/image10.png"/><Relationship Id="rId3" Type="http://schemas.openxmlformats.org/officeDocument/2006/relationships/settings" Target="settings.xml"/><Relationship Id="rId21" Type="http://schemas.openxmlformats.org/officeDocument/2006/relationships/fontTable" Target="fontTable.xml"/><Relationship Id="rId7" Type="http://schemas.openxmlformats.org/officeDocument/2006/relationships/image" Target="media/image1.png"/><Relationship Id="rId12" Type="http://schemas.openxmlformats.org/officeDocument/2006/relationships/image" Target="media/image5.png"/><Relationship Id="rId17" Type="http://schemas.openxmlformats.org/officeDocument/2006/relationships/image" Target="media/image11.jpeg"/><Relationship Id="rId2" Type="http://schemas.openxmlformats.org/officeDocument/2006/relationships/styles" Target="styles.xml"/><Relationship Id="rId16" Type="http://schemas.openxmlformats.org/officeDocument/2006/relationships/image" Target="media/image9.jpeg"/><Relationship Id="rId20" Type="http://schemas.openxmlformats.org/officeDocument/2006/relationships/image" Target="media/image12.jpeg"/><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image" Target="media/image7.png"/><Relationship Id="rId10" Type="http://schemas.openxmlformats.org/officeDocument/2006/relationships/image" Target="media/image4.jpeg"/><Relationship Id="rId19" Type="http://schemas.openxmlformats.org/officeDocument/2006/relationships/image" Target="media/image11.emf"/><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image" Target="media/image8.jpeg"/><Relationship Id="rId22" Type="http://schemas.openxmlformats.org/officeDocument/2006/relationships/theme" Target="theme/theme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3B3ADAD-2847-42BC-9AC2-6026FA8A4F2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102</Words>
  <Characters>582</Characters>
  <Application>Microsoft Office Word</Application>
  <DocSecurity>0</DocSecurity>
  <Lines>4</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6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dc:creator>
  <cp:keywords/>
  <dc:description/>
  <cp:lastModifiedBy>s009649 坂本奈巳</cp:lastModifiedBy>
  <cp:revision>2</cp:revision>
  <cp:lastPrinted>2025-10-28T00:06:00Z</cp:lastPrinted>
  <dcterms:created xsi:type="dcterms:W3CDTF">2025-12-04T04:09:00Z</dcterms:created>
  <dcterms:modified xsi:type="dcterms:W3CDTF">2025-12-04T04:09:00Z</dcterms:modified>
</cp:coreProperties>
</file>